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heckCompatibility="1" defaultThemeVersion="164011"/>
  <mc:AlternateContent xmlns:mc="http://schemas.openxmlformats.org/markup-compatibility/2006">
    <mc:Choice Requires="x15">
      <x15ac:absPath xmlns:x15ac="http://schemas.microsoft.com/office/spreadsheetml/2010/11/ac" url="C:\Users\i001454\Desktop\印なし様式集\"/>
    </mc:Choice>
  </mc:AlternateContent>
  <bookViews>
    <workbookView xWindow="0" yWindow="0" windowWidth="20490" windowHeight="7530"/>
  </bookViews>
  <sheets>
    <sheet name="緊急施工願" sheetId="3" r:id="rId1"/>
    <sheet name="工期延長願" sheetId="1" r:id="rId2"/>
    <sheet name="確認申請取り止め" sheetId="2" r:id="rId3"/>
  </sheets>
  <definedNames>
    <definedName name="_xlnm.Print_Area" localSheetId="2">確認申請取り止め!$A$1:$AL$52</definedName>
    <definedName name="_xlnm.Print_Area" localSheetId="0">緊急施工願!$A$1:$AL$57</definedName>
    <definedName name="_xlnm.Print_Area" localSheetId="1">工期延長願!$A$1:$AL$57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" uniqueCount="66">
  <si>
    <t>排水設備工事緊急施工願</t>
    <rPh sb="0" eb="2">
      <t>ハイスイ</t>
    </rPh>
    <rPh sb="2" eb="4">
      <t>セツビ</t>
    </rPh>
    <rPh sb="4" eb="6">
      <t>コウジ</t>
    </rPh>
    <rPh sb="6" eb="8">
      <t>キンキュウ</t>
    </rPh>
    <rPh sb="8" eb="10">
      <t>セコウ</t>
    </rPh>
    <rPh sb="10" eb="11">
      <t>ネガ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（あて先）八代市長</t>
    <rPh sb="3" eb="4">
      <t>サキ</t>
    </rPh>
    <rPh sb="5" eb="9">
      <t>ヤツシロシチョウ</t>
    </rPh>
    <phoneticPr fontId="1"/>
  </si>
  <si>
    <t>申請者</t>
    <rPh sb="0" eb="3">
      <t>シンセイシャ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印</t>
    <rPh sb="0" eb="1">
      <t>イン</t>
    </rPh>
    <phoneticPr fontId="1"/>
  </si>
  <si>
    <t>設置場所</t>
    <rPh sb="0" eb="2">
      <t>セッチ</t>
    </rPh>
    <rPh sb="2" eb="4">
      <t>バショ</t>
    </rPh>
    <phoneticPr fontId="1"/>
  </si>
  <si>
    <t>八代市</t>
    <rPh sb="0" eb="3">
      <t>ヤツシロシ</t>
    </rPh>
    <phoneticPr fontId="1"/>
  </si>
  <si>
    <t>工事期間</t>
    <rPh sb="0" eb="2">
      <t>コウジ</t>
    </rPh>
    <rPh sb="2" eb="4">
      <t>キカン</t>
    </rPh>
    <phoneticPr fontId="1"/>
  </si>
  <si>
    <t>～</t>
    <phoneticPr fontId="1"/>
  </si>
  <si>
    <t>住　所</t>
    <rPh sb="0" eb="1">
      <t>ジュウ</t>
    </rPh>
    <rPh sb="2" eb="3">
      <t>ショ</t>
    </rPh>
    <phoneticPr fontId="1"/>
  </si>
  <si>
    <t>氏　名</t>
    <rPh sb="0" eb="1">
      <t>シ</t>
    </rPh>
    <rPh sb="2" eb="3">
      <t>メイ</t>
    </rPh>
    <phoneticPr fontId="1"/>
  </si>
  <si>
    <t>）</t>
    <phoneticPr fontId="1"/>
  </si>
  <si>
    <t>指定工事店</t>
    <rPh sb="0" eb="2">
      <t>シテイ</t>
    </rPh>
    <rPh sb="2" eb="4">
      <t>コウジ</t>
    </rPh>
    <rPh sb="4" eb="5">
      <t>テン</t>
    </rPh>
    <phoneticPr fontId="1"/>
  </si>
  <si>
    <t>責任技術者</t>
    <rPh sb="0" eb="2">
      <t>セキニン</t>
    </rPh>
    <rPh sb="2" eb="5">
      <t>ギジュツシャ</t>
    </rPh>
    <phoneticPr fontId="1"/>
  </si>
  <si>
    <t xml:space="preserve"> (責任技術者登録番号　№　                    　　)</t>
  </si>
  <si>
    <t>工事店名</t>
    <rPh sb="0" eb="2">
      <t>コウジ</t>
    </rPh>
    <rPh sb="2" eb="3">
      <t>テン</t>
    </rPh>
    <rPh sb="3" eb="4">
      <t>メイ</t>
    </rPh>
    <phoneticPr fontId="1"/>
  </si>
  <si>
    <t>確　　　認</t>
    <rPh sb="0" eb="1">
      <t>アキラ</t>
    </rPh>
    <rPh sb="4" eb="5">
      <t>シノブ</t>
    </rPh>
    <phoneticPr fontId="1"/>
  </si>
  <si>
    <t>第</t>
    <rPh sb="0" eb="1">
      <t>ダイ</t>
    </rPh>
    <phoneticPr fontId="1"/>
  </si>
  <si>
    <t>号</t>
    <rPh sb="0" eb="1">
      <t>ゴウ</t>
    </rPh>
    <phoneticPr fontId="1"/>
  </si>
  <si>
    <t>（責任技術者登録番号　№</t>
    <rPh sb="1" eb="3">
      <t>セキニン</t>
    </rPh>
    <rPh sb="3" eb="6">
      <t>ギジュツシャ</t>
    </rPh>
    <rPh sb="6" eb="8">
      <t>トウロク</t>
    </rPh>
    <rPh sb="8" eb="10">
      <t>バンゴウ</t>
    </rPh>
    <phoneticPr fontId="1"/>
  </si>
  <si>
    <t>　下記のとおり、排水設備工事を緊急に施工したいので提出します。</t>
    <phoneticPr fontId="1"/>
  </si>
  <si>
    <t>工事予定</t>
    <rPh sb="0" eb="2">
      <t>コウジ</t>
    </rPh>
    <rPh sb="2" eb="4">
      <t>ヨテイ</t>
    </rPh>
    <phoneticPr fontId="1"/>
  </si>
  <si>
    <t>緊急施工の理由</t>
    <rPh sb="0" eb="2">
      <t>キンキュウ</t>
    </rPh>
    <rPh sb="2" eb="4">
      <t>セコウ</t>
    </rPh>
    <rPh sb="5" eb="7">
      <t>リユウ</t>
    </rPh>
    <phoneticPr fontId="1"/>
  </si>
  <si>
    <t>　※　緊急施工の理由については、内容が十分理解出来るよう詳しく記入すること。</t>
    <rPh sb="3" eb="5">
      <t>キンキュウ</t>
    </rPh>
    <rPh sb="5" eb="7">
      <t>セコウ</t>
    </rPh>
    <rPh sb="8" eb="10">
      <t>リユウ</t>
    </rPh>
    <rPh sb="16" eb="18">
      <t>ナイヨウ</t>
    </rPh>
    <rPh sb="19" eb="21">
      <t>ジュウブン</t>
    </rPh>
    <rPh sb="21" eb="23">
      <t>リカイ</t>
    </rPh>
    <rPh sb="23" eb="25">
      <t>デキ</t>
    </rPh>
    <rPh sb="28" eb="29">
      <t>クワ</t>
    </rPh>
    <rPh sb="31" eb="33">
      <t>キニュウ</t>
    </rPh>
    <phoneticPr fontId="1"/>
  </si>
  <si>
    <t>　　　　</t>
    <phoneticPr fontId="1"/>
  </si>
  <si>
    <t>　※　位置図については、住宅地図のコピー（Ａ４サイズ）を別紙で添付すること。</t>
    <rPh sb="3" eb="5">
      <t>イチ</t>
    </rPh>
    <rPh sb="5" eb="6">
      <t>ズ</t>
    </rPh>
    <rPh sb="12" eb="14">
      <t>ジュウタク</t>
    </rPh>
    <rPh sb="14" eb="16">
      <t>チズ</t>
    </rPh>
    <rPh sb="28" eb="30">
      <t>ベッシ</t>
    </rPh>
    <rPh sb="31" eb="33">
      <t>テンプ</t>
    </rPh>
    <phoneticPr fontId="1"/>
  </si>
  <si>
    <t>　※　工事図面を添付すること。</t>
    <rPh sb="3" eb="5">
      <t>コウジ</t>
    </rPh>
    <rPh sb="5" eb="7">
      <t>ズメン</t>
    </rPh>
    <rPh sb="8" eb="10">
      <t>テンプ</t>
    </rPh>
    <phoneticPr fontId="1"/>
  </si>
  <si>
    <t>　下記のとおり工期を延長したいので、ご承認下さるようお願いします。</t>
    <phoneticPr fontId="1"/>
  </si>
  <si>
    <t>記</t>
  </si>
  <si>
    <t>確認番号</t>
    <phoneticPr fontId="1"/>
  </si>
  <si>
    <t>工事場所</t>
    <phoneticPr fontId="1"/>
  </si>
  <si>
    <t>申請者氏名</t>
    <phoneticPr fontId="1"/>
  </si>
  <si>
    <t>当初工期</t>
    <phoneticPr fontId="1"/>
  </si>
  <si>
    <t>変更工期</t>
    <phoneticPr fontId="1"/>
  </si>
  <si>
    <t>延長工期</t>
    <phoneticPr fontId="1"/>
  </si>
  <si>
    <t>（</t>
    <phoneticPr fontId="1"/>
  </si>
  <si>
    <t>）</t>
    <phoneticPr fontId="1"/>
  </si>
  <si>
    <t>延長理由</t>
    <phoneticPr fontId="1"/>
  </si>
  <si>
    <t>（備　　考）</t>
  </si>
  <si>
    <t>排水設備等計画確認申請の取り止めについて</t>
    <rPh sb="0" eb="2">
      <t>ハイスイ</t>
    </rPh>
    <rPh sb="2" eb="4">
      <t>セツビ</t>
    </rPh>
    <rPh sb="4" eb="5">
      <t>トウ</t>
    </rPh>
    <rPh sb="5" eb="7">
      <t>ケイカク</t>
    </rPh>
    <rPh sb="7" eb="9">
      <t>カクニン</t>
    </rPh>
    <rPh sb="9" eb="11">
      <t>シンセイ</t>
    </rPh>
    <rPh sb="12" eb="13">
      <t>ト</t>
    </rPh>
    <rPh sb="14" eb="15">
      <t>ヤ</t>
    </rPh>
    <phoneticPr fontId="1"/>
  </si>
  <si>
    <t>下記のとおり、排水設備工事を取り止めたいので提出します。</t>
  </si>
  <si>
    <t>取り止めの理由</t>
    <rPh sb="0" eb="1">
      <t>ト</t>
    </rPh>
    <rPh sb="2" eb="3">
      <t>ヤ</t>
    </rPh>
    <rPh sb="5" eb="7">
      <t>リユウ</t>
    </rPh>
    <phoneticPr fontId="1"/>
  </si>
  <si>
    <t>排水設備
等設置者</t>
    <rPh sb="0" eb="2">
      <t>ハイスイ</t>
    </rPh>
    <rPh sb="2" eb="4">
      <t>セツビ</t>
    </rPh>
    <phoneticPr fontId="1"/>
  </si>
  <si>
    <t>確認申請書の
提出予定日</t>
    <rPh sb="0" eb="2">
      <t>カクニン</t>
    </rPh>
    <rPh sb="2" eb="5">
      <t>シンセイショ</t>
    </rPh>
    <rPh sb="7" eb="9">
      <t>テイシュツ</t>
    </rPh>
    <rPh sb="9" eb="11">
      <t>ヨテイ</t>
    </rPh>
    <rPh sb="11" eb="12">
      <t>ビ</t>
    </rPh>
    <phoneticPr fontId="1"/>
  </si>
  <si>
    <t xml:space="preserve"> 住　所</t>
    <rPh sb="1" eb="2">
      <t>ジュウ</t>
    </rPh>
    <rPh sb="3" eb="4">
      <t>ショ</t>
    </rPh>
    <phoneticPr fontId="1"/>
  </si>
  <si>
    <t xml:space="preserve"> 名　称</t>
    <rPh sb="1" eb="2">
      <t>ナ</t>
    </rPh>
    <rPh sb="3" eb="4">
      <t>ショウ</t>
    </rPh>
    <phoneticPr fontId="1"/>
  </si>
  <si>
    <t xml:space="preserve"> 氏　名</t>
    <rPh sb="1" eb="2">
      <t>シ</t>
    </rPh>
    <rPh sb="3" eb="4">
      <t>メイ</t>
    </rPh>
    <phoneticPr fontId="1"/>
  </si>
  <si>
    <t>（添付書類）</t>
    <rPh sb="1" eb="3">
      <t>テンプ</t>
    </rPh>
    <rPh sb="3" eb="5">
      <t>ショルイ</t>
    </rPh>
    <phoneticPr fontId="1"/>
  </si>
  <si>
    <t>□ 他人の土地又は排水設備等を使用するときはその者の同意書</t>
    <phoneticPr fontId="1"/>
  </si>
  <si>
    <t>□ その他（例：土地区画整理許可書・道路占用許可書・ 水路占用許可書等）</t>
    <rPh sb="4" eb="5">
      <t>ホカ</t>
    </rPh>
    <rPh sb="6" eb="7">
      <t>レイ</t>
    </rPh>
    <rPh sb="8" eb="10">
      <t>トチ</t>
    </rPh>
    <rPh sb="10" eb="12">
      <t>クカク</t>
    </rPh>
    <rPh sb="12" eb="14">
      <t>セイリ</t>
    </rPh>
    <rPh sb="14" eb="17">
      <t>キョカショ</t>
    </rPh>
    <rPh sb="18" eb="20">
      <t>ドウロ</t>
    </rPh>
    <rPh sb="20" eb="22">
      <t>センヨウ</t>
    </rPh>
    <rPh sb="22" eb="24">
      <t>キョカ</t>
    </rPh>
    <rPh sb="24" eb="25">
      <t>ショ</t>
    </rPh>
    <rPh sb="27" eb="29">
      <t>スイロ</t>
    </rPh>
    <rPh sb="29" eb="31">
      <t>センヨウ</t>
    </rPh>
    <rPh sb="31" eb="33">
      <t>キョカ</t>
    </rPh>
    <rPh sb="33" eb="34">
      <t>ショ</t>
    </rPh>
    <rPh sb="34" eb="35">
      <t>トウ</t>
    </rPh>
    <phoneticPr fontId="1"/>
  </si>
  <si>
    <t>号</t>
    <rPh sb="0" eb="1">
      <t>ゴウ</t>
    </rPh>
    <phoneticPr fontId="1"/>
  </si>
  <si>
    <t>確認　第</t>
    <rPh sb="0" eb="2">
      <t>カクニン</t>
    </rPh>
    <rPh sb="3" eb="4">
      <t>ダイ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　　　年　　　月　　　日　～　　　　　　　年　　　月　　　日</t>
    <rPh sb="3" eb="4">
      <t>ネン</t>
    </rPh>
    <rPh sb="7" eb="8">
      <t>ツキ</t>
    </rPh>
    <rPh sb="11" eb="12">
      <t>ヒ</t>
    </rPh>
    <rPh sb="21" eb="22">
      <t>ネン</t>
    </rPh>
    <rPh sb="25" eb="26">
      <t>ツキ</t>
    </rPh>
    <rPh sb="29" eb="30">
      <t>ヒ</t>
    </rPh>
    <phoneticPr fontId="1"/>
  </si>
  <si>
    <t>排水設備工事工期延長願</t>
    <rPh sb="4" eb="6">
      <t>コウジ</t>
    </rPh>
    <phoneticPr fontId="1"/>
  </si>
  <si>
    <t>（申請者直筆の場合は押印省略可能）</t>
    <rPh sb="1" eb="4">
      <t>シンセイシャ</t>
    </rPh>
    <rPh sb="4" eb="6">
      <t>ジキヒツ</t>
    </rPh>
    <rPh sb="7" eb="9">
      <t>バアイ</t>
    </rPh>
    <rPh sb="10" eb="12">
      <t>オウイン</t>
    </rPh>
    <rPh sb="12" eb="14">
      <t>ショウリャク</t>
    </rPh>
    <rPh sb="14" eb="16">
      <t>カノウ</t>
    </rPh>
    <phoneticPr fontId="1"/>
  </si>
  <si>
    <r>
      <rPr>
        <b/>
        <sz val="11"/>
        <rFont val="HG丸ｺﾞｼｯｸM-PRO"/>
        <family val="3"/>
        <charset val="128"/>
      </rPr>
      <t>【助成金申請を行った場合】</t>
    </r>
    <r>
      <rPr>
        <sz val="11"/>
        <rFont val="HG丸ｺﾞｼｯｸM-PRO"/>
        <family val="3"/>
        <charset val="128"/>
      </rPr>
      <t xml:space="preserve">
　八代市下水道排水設備工事費助成金について、排水設備工事の取り止めに伴い
　助成金交付申請を取り止めます。
　　　　　　　　　　　　　　　　　　　　　　　申請者　住所
　　　　　　　　　　　　　　　　　　　　　　　　　　　氏名　　　　　　　　　　　　　　㊞
</t>
    </r>
    <r>
      <rPr>
        <sz val="10"/>
        <rFont val="游ゴシック"/>
        <family val="3"/>
        <charset val="128"/>
        <scheme val="minor"/>
      </rPr>
      <t>　　　　　　　　　　　　　　　　　　　　　　　　　　　　　　　</t>
    </r>
    <r>
      <rPr>
        <sz val="9"/>
        <rFont val="游ゴシック"/>
        <family val="3"/>
        <charset val="128"/>
        <scheme val="minor"/>
      </rPr>
      <t>（申請者直筆の場合は押印省略可能）</t>
    </r>
    <rPh sb="1" eb="4">
      <t>ジョセイキン</t>
    </rPh>
    <rPh sb="4" eb="6">
      <t>シンセイ</t>
    </rPh>
    <rPh sb="7" eb="8">
      <t>オコナ</t>
    </rPh>
    <rPh sb="10" eb="12">
      <t>バアイ</t>
    </rPh>
    <rPh sb="15" eb="18">
      <t>ヤツシロシ</t>
    </rPh>
    <rPh sb="18" eb="21">
      <t>ゲスイドウ</t>
    </rPh>
    <rPh sb="21" eb="23">
      <t>ハイスイ</t>
    </rPh>
    <rPh sb="23" eb="25">
      <t>セツビ</t>
    </rPh>
    <rPh sb="25" eb="27">
      <t>コウジ</t>
    </rPh>
    <rPh sb="27" eb="28">
      <t>ヒ</t>
    </rPh>
    <rPh sb="28" eb="31">
      <t>ジョセイキン</t>
    </rPh>
    <rPh sb="36" eb="38">
      <t>ハイスイ</t>
    </rPh>
    <rPh sb="38" eb="40">
      <t>セツビ</t>
    </rPh>
    <rPh sb="40" eb="42">
      <t>コウジ</t>
    </rPh>
    <rPh sb="43" eb="44">
      <t>ト</t>
    </rPh>
    <rPh sb="45" eb="46">
      <t>ヤ</t>
    </rPh>
    <rPh sb="48" eb="49">
      <t>トモナ</t>
    </rPh>
    <rPh sb="52" eb="55">
      <t>ジョセイキン</t>
    </rPh>
    <rPh sb="55" eb="57">
      <t>コウフ</t>
    </rPh>
    <rPh sb="57" eb="59">
      <t>シンセイ</t>
    </rPh>
    <rPh sb="60" eb="61">
      <t>ト</t>
    </rPh>
    <rPh sb="62" eb="63">
      <t>ヤ</t>
    </rPh>
    <rPh sb="91" eb="94">
      <t>シンセイシャ</t>
    </rPh>
    <rPh sb="95" eb="97">
      <t>ジュウショ</t>
    </rPh>
    <rPh sb="126" eb="128">
      <t>シメイ</t>
    </rPh>
    <phoneticPr fontId="1"/>
  </si>
  <si>
    <t>印</t>
    <rPh sb="0" eb="1">
      <t>イン</t>
    </rPh>
    <phoneticPr fontId="1"/>
  </si>
  <si>
    <t>（代表者直筆の場合は押印省略可能）</t>
    <rPh sb="1" eb="4">
      <t>ダイヒョウシャ</t>
    </rPh>
    <rPh sb="4" eb="6">
      <t>ジキヒツ</t>
    </rPh>
    <rPh sb="7" eb="9">
      <t>バアイ</t>
    </rPh>
    <rPh sb="10" eb="12">
      <t>オウイン</t>
    </rPh>
    <rPh sb="12" eb="14">
      <t>ショウリャク</t>
    </rPh>
    <rPh sb="14" eb="16">
      <t>カノウ</t>
    </rPh>
    <phoneticPr fontId="1"/>
  </si>
  <si>
    <t>（責任技術者直筆の場合は押印省略可能）</t>
    <rPh sb="1" eb="3">
      <t>セキニン</t>
    </rPh>
    <rPh sb="3" eb="6">
      <t>ギジュツシャ</t>
    </rPh>
    <rPh sb="6" eb="8">
      <t>ジキヒツ</t>
    </rPh>
    <rPh sb="9" eb="11">
      <t>バアイ</t>
    </rPh>
    <rPh sb="12" eb="14">
      <t>オウイン</t>
    </rPh>
    <rPh sb="14" eb="16">
      <t>ショウリャク</t>
    </rPh>
    <rPh sb="16" eb="18">
      <t>カノ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"/>
      <name val="HG丸ｺﾞｼｯｸM-PRO"/>
      <family val="3"/>
      <charset val="128"/>
    </font>
    <font>
      <sz val="16"/>
      <name val="HG丸ｺﾞｼｯｸM-PRO"/>
      <family val="3"/>
      <charset val="128"/>
    </font>
    <font>
      <b/>
      <sz val="22"/>
      <name val="HG丸ｺﾞｼｯｸM-PRO"/>
      <family val="3"/>
      <charset val="128"/>
    </font>
    <font>
      <sz val="12"/>
      <name val="HG丸ｺﾞｼｯｸM-PRO"/>
      <family val="3"/>
      <charset val="128"/>
    </font>
    <font>
      <sz val="9"/>
      <name val="HG丸ｺﾞｼｯｸM-PRO"/>
      <family val="3"/>
      <charset val="128"/>
    </font>
    <font>
      <b/>
      <sz val="11"/>
      <name val="HG丸ｺﾞｼｯｸM-PRO"/>
      <family val="3"/>
      <charset val="128"/>
    </font>
    <font>
      <b/>
      <sz val="18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10"/>
      <name val="游ゴシック"/>
      <family val="3"/>
      <charset val="128"/>
      <scheme val="minor"/>
    </font>
    <font>
      <sz val="9"/>
      <name val="游ゴシック"/>
      <family val="3"/>
      <charset val="128"/>
      <scheme val="minor"/>
    </font>
    <font>
      <sz val="8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thin">
        <color indexed="64"/>
      </bottom>
      <diagonal/>
    </border>
  </borders>
  <cellStyleXfs count="1">
    <xf numFmtId="0" fontId="0" fillId="0" borderId="0"/>
  </cellStyleXfs>
  <cellXfs count="117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2" fillId="0" borderId="3" xfId="0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0" fontId="2" fillId="0" borderId="0" xfId="0" applyFont="1" applyAlignment="1">
      <alignment horizontal="distributed" vertical="center"/>
    </xf>
    <xf numFmtId="0" fontId="6" fillId="0" borderId="6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8" fillId="0" borderId="0" xfId="0" applyFont="1" applyAlignment="1">
      <alignment horizontal="center" vertical="center"/>
    </xf>
    <xf numFmtId="0" fontId="6" fillId="0" borderId="4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6" fillId="0" borderId="4" xfId="0" applyFont="1" applyBorder="1" applyAlignment="1">
      <alignment horizontal="left" vertical="center" indent="1"/>
    </xf>
    <xf numFmtId="0" fontId="6" fillId="0" borderId="2" xfId="0" applyFont="1" applyBorder="1" applyAlignment="1">
      <alignment horizontal="left" vertical="center" indent="1"/>
    </xf>
    <xf numFmtId="0" fontId="2" fillId="0" borderId="0" xfId="0" applyFont="1" applyAlignment="1">
      <alignment vertical="center" wrapText="1"/>
    </xf>
    <xf numFmtId="0" fontId="6" fillId="0" borderId="0" xfId="0" applyFont="1" applyAlignment="1">
      <alignment horizontal="distributed" vertical="center" indent="1"/>
    </xf>
    <xf numFmtId="0" fontId="6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2" fillId="0" borderId="4" xfId="0" applyFont="1" applyBorder="1" applyAlignment="1">
      <alignment horizontal="left" vertical="center" indent="1"/>
    </xf>
    <xf numFmtId="0" fontId="2" fillId="0" borderId="9" xfId="0" applyFont="1" applyBorder="1" applyAlignment="1">
      <alignment horizontal="left" vertical="center" indent="1"/>
    </xf>
    <xf numFmtId="0" fontId="7" fillId="0" borderId="0" xfId="0" applyFont="1" applyAlignment="1">
      <alignment vertical="center"/>
    </xf>
    <xf numFmtId="0" fontId="6" fillId="0" borderId="5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1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distributed" vertical="center"/>
    </xf>
    <xf numFmtId="0" fontId="6" fillId="0" borderId="4" xfId="0" applyFont="1" applyBorder="1" applyAlignment="1">
      <alignment horizontal="distributed" vertical="center" wrapText="1" justifyLastLine="1"/>
    </xf>
    <xf numFmtId="0" fontId="6" fillId="0" borderId="5" xfId="0" applyFont="1" applyBorder="1" applyAlignment="1">
      <alignment horizontal="distributed" vertical="center" wrapText="1" justifyLastLine="1"/>
    </xf>
    <xf numFmtId="0" fontId="6" fillId="0" borderId="6" xfId="0" applyFont="1" applyBorder="1" applyAlignment="1">
      <alignment horizontal="distributed" vertical="center" wrapText="1" justifyLastLine="1"/>
    </xf>
    <xf numFmtId="0" fontId="6" fillId="0" borderId="9" xfId="0" applyFont="1" applyBorder="1" applyAlignment="1">
      <alignment horizontal="distributed" vertical="center" wrapText="1" justifyLastLine="1"/>
    </xf>
    <xf numFmtId="0" fontId="6" fillId="0" borderId="0" xfId="0" applyFont="1" applyBorder="1" applyAlignment="1">
      <alignment horizontal="distributed" vertical="center" wrapText="1" justifyLastLine="1"/>
    </xf>
    <xf numFmtId="0" fontId="6" fillId="0" borderId="8" xfId="0" applyFont="1" applyBorder="1" applyAlignment="1">
      <alignment horizontal="distributed" vertical="center" wrapText="1" justifyLastLine="1"/>
    </xf>
    <xf numFmtId="0" fontId="6" fillId="0" borderId="2" xfId="0" applyFont="1" applyBorder="1" applyAlignment="1">
      <alignment horizontal="distributed" vertical="center" wrapText="1" justifyLastLine="1"/>
    </xf>
    <xf numFmtId="0" fontId="6" fillId="0" borderId="3" xfId="0" applyFont="1" applyBorder="1" applyAlignment="1">
      <alignment horizontal="distributed" vertical="center" wrapText="1" justifyLastLine="1"/>
    </xf>
    <xf numFmtId="0" fontId="6" fillId="0" borderId="7" xfId="0" applyFont="1" applyBorder="1" applyAlignment="1">
      <alignment horizontal="distributed" vertical="center" wrapText="1" justifyLastLine="1"/>
    </xf>
    <xf numFmtId="0" fontId="2" fillId="0" borderId="0" xfId="0" applyFont="1" applyAlignment="1">
      <alignment horizontal="left" vertical="center"/>
    </xf>
    <xf numFmtId="0" fontId="2" fillId="0" borderId="5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10" fillId="0" borderId="0" xfId="0" applyFont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 wrapText="1"/>
    </xf>
    <xf numFmtId="0" fontId="6" fillId="0" borderId="5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4" xfId="0" applyFont="1" applyBorder="1" applyAlignment="1">
      <alignment horizontal="distributed" vertical="center" indent="1"/>
    </xf>
    <xf numFmtId="0" fontId="6" fillId="0" borderId="5" xfId="0" applyFont="1" applyBorder="1" applyAlignment="1">
      <alignment horizontal="distributed" vertical="center" indent="1"/>
    </xf>
    <xf numFmtId="0" fontId="6" fillId="0" borderId="6" xfId="0" applyFont="1" applyBorder="1" applyAlignment="1">
      <alignment horizontal="distributed" vertical="center" indent="1"/>
    </xf>
    <xf numFmtId="0" fontId="6" fillId="0" borderId="2" xfId="0" applyFont="1" applyBorder="1" applyAlignment="1">
      <alignment horizontal="distributed" vertical="center" indent="1"/>
    </xf>
    <xf numFmtId="0" fontId="6" fillId="0" borderId="3" xfId="0" applyFont="1" applyBorder="1" applyAlignment="1">
      <alignment horizontal="distributed" vertical="center" indent="1"/>
    </xf>
    <xf numFmtId="0" fontId="6" fillId="0" borderId="7" xfId="0" applyFont="1" applyBorder="1" applyAlignment="1">
      <alignment horizontal="distributed" vertical="center" indent="1"/>
    </xf>
    <xf numFmtId="0" fontId="6" fillId="0" borderId="5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6" fillId="0" borderId="5" xfId="0" applyFont="1" applyBorder="1" applyAlignment="1">
      <alignment horizontal="left" vertical="center" indent="1"/>
    </xf>
    <xf numFmtId="0" fontId="6" fillId="0" borderId="6" xfId="0" applyFont="1" applyBorder="1" applyAlignment="1">
      <alignment horizontal="left" vertical="center" indent="1"/>
    </xf>
    <xf numFmtId="0" fontId="6" fillId="0" borderId="3" xfId="0" applyFont="1" applyBorder="1" applyAlignment="1">
      <alignment horizontal="left" vertical="center" indent="1"/>
    </xf>
    <xf numFmtId="0" fontId="6" fillId="0" borderId="7" xfId="0" applyFont="1" applyBorder="1" applyAlignment="1">
      <alignment horizontal="left" vertical="center" indent="1"/>
    </xf>
    <xf numFmtId="0" fontId="6" fillId="0" borderId="4" xfId="0" applyFont="1" applyBorder="1" applyAlignment="1">
      <alignment horizontal="left" vertical="center" indent="1"/>
    </xf>
    <xf numFmtId="0" fontId="6" fillId="0" borderId="9" xfId="0" applyFont="1" applyBorder="1" applyAlignment="1">
      <alignment horizontal="left" vertical="center" indent="1"/>
    </xf>
    <xf numFmtId="0" fontId="6" fillId="0" borderId="0" xfId="0" applyFont="1" applyAlignment="1">
      <alignment horizontal="left" vertical="center" indent="1"/>
    </xf>
    <xf numFmtId="0" fontId="6" fillId="0" borderId="8" xfId="0" applyFont="1" applyBorder="1" applyAlignment="1">
      <alignment horizontal="left" vertical="center" indent="1"/>
    </xf>
    <xf numFmtId="0" fontId="6" fillId="0" borderId="2" xfId="0" applyFont="1" applyBorder="1" applyAlignment="1">
      <alignment horizontal="left" vertical="center" indent="1"/>
    </xf>
    <xf numFmtId="0" fontId="6" fillId="0" borderId="4" xfId="0" applyFont="1" applyBorder="1" applyAlignment="1">
      <alignment vertical="center"/>
    </xf>
    <xf numFmtId="0" fontId="6" fillId="0" borderId="6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8" xfId="0" applyFont="1" applyBorder="1" applyAlignment="1">
      <alignment vertical="center"/>
    </xf>
    <xf numFmtId="0" fontId="6" fillId="0" borderId="2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distributed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5" xfId="0" applyFont="1" applyBorder="1" applyAlignment="1">
      <alignment horizontal="distributed" vertical="center" justifyLastLine="1"/>
    </xf>
    <xf numFmtId="0" fontId="6" fillId="0" borderId="6" xfId="0" applyFont="1" applyBorder="1" applyAlignment="1">
      <alignment horizontal="distributed" vertical="center" justifyLastLine="1"/>
    </xf>
    <xf numFmtId="0" fontId="6" fillId="0" borderId="2" xfId="0" applyFont="1" applyBorder="1" applyAlignment="1">
      <alignment horizontal="distributed" vertical="center" justifyLastLine="1"/>
    </xf>
    <xf numFmtId="0" fontId="6" fillId="0" borderId="3" xfId="0" applyFont="1" applyBorder="1" applyAlignment="1">
      <alignment horizontal="distributed" vertical="center" justifyLastLine="1"/>
    </xf>
    <xf numFmtId="0" fontId="6" fillId="0" borderId="7" xfId="0" applyFont="1" applyBorder="1" applyAlignment="1">
      <alignment horizontal="distributed" vertical="center" justifyLastLine="1"/>
    </xf>
    <xf numFmtId="0" fontId="6" fillId="0" borderId="0" xfId="0" applyFont="1" applyAlignment="1">
      <alignment horizontal="distributed" vertical="center" indent="1"/>
    </xf>
    <xf numFmtId="0" fontId="2" fillId="0" borderId="3" xfId="0" applyFont="1" applyBorder="1" applyAlignment="1">
      <alignment horizontal="left" vertical="center"/>
    </xf>
    <xf numFmtId="0" fontId="6" fillId="0" borderId="9" xfId="0" applyFont="1" applyBorder="1" applyAlignment="1">
      <alignment horizontal="distributed" vertical="center" indent="1"/>
    </xf>
    <xf numFmtId="0" fontId="6" fillId="0" borderId="8" xfId="0" applyFont="1" applyBorder="1" applyAlignment="1">
      <alignment horizontal="distributed" vertical="center" indent="1"/>
    </xf>
    <xf numFmtId="0" fontId="6" fillId="0" borderId="4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5" xfId="0" applyFont="1" applyBorder="1" applyAlignment="1">
      <alignment vertical="center" wrapText="1"/>
    </xf>
    <xf numFmtId="0" fontId="2" fillId="0" borderId="6" xfId="0" applyFont="1" applyBorder="1" applyAlignment="1">
      <alignment vertical="center"/>
    </xf>
    <xf numFmtId="0" fontId="7" fillId="0" borderId="3" xfId="0" applyFont="1" applyBorder="1" applyAlignment="1">
      <alignment vertical="center"/>
    </xf>
    <xf numFmtId="0" fontId="6" fillId="0" borderId="1" xfId="0" applyFont="1" applyBorder="1" applyAlignment="1">
      <alignment horizontal="distributed" vertical="center" indent="1"/>
    </xf>
    <xf numFmtId="0" fontId="6" fillId="0" borderId="11" xfId="0" applyFont="1" applyBorder="1" applyAlignment="1">
      <alignment horizontal="distributed" vertical="center" indent="1"/>
    </xf>
    <xf numFmtId="0" fontId="6" fillId="0" borderId="13" xfId="0" applyFont="1" applyBorder="1" applyAlignment="1">
      <alignment horizontal="distributed" vertical="center" indent="1"/>
    </xf>
    <xf numFmtId="0" fontId="2" fillId="0" borderId="5" xfId="0" applyFont="1" applyBorder="1" applyAlignment="1">
      <alignment horizontal="left" vertical="center" indent="1"/>
    </xf>
    <xf numFmtId="0" fontId="2" fillId="0" borderId="6" xfId="0" applyFont="1" applyBorder="1" applyAlignment="1">
      <alignment horizontal="left" vertical="center" indent="1"/>
    </xf>
    <xf numFmtId="0" fontId="2" fillId="0" borderId="0" xfId="0" applyFont="1" applyAlignment="1">
      <alignment horizontal="left" vertical="center" indent="1"/>
    </xf>
    <xf numFmtId="0" fontId="2" fillId="0" borderId="8" xfId="0" applyFont="1" applyBorder="1" applyAlignment="1">
      <alignment horizontal="left" vertical="center" indent="1"/>
    </xf>
    <xf numFmtId="0" fontId="6" fillId="0" borderId="0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0" xfId="0" applyFont="1" applyAlignment="1">
      <alignment horizontal="distributed" vertical="center"/>
    </xf>
    <xf numFmtId="0" fontId="12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3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AL925"/>
  <sheetViews>
    <sheetView showGridLines="0" tabSelected="1" view="pageBreakPreview" zoomScaleNormal="70" zoomScaleSheetLayoutView="100" workbookViewId="0">
      <selection activeCell="B5" sqref="B5:AK6"/>
    </sheetView>
  </sheetViews>
  <sheetFormatPr defaultColWidth="0" defaultRowHeight="0" customHeight="1" zeroHeight="1" x14ac:dyDescent="0.15"/>
  <cols>
    <col min="1" max="1" width="0.75" style="2" customWidth="1"/>
    <col min="2" max="37" width="2.5" style="1" customWidth="1"/>
    <col min="38" max="38" width="0.75" style="2" customWidth="1"/>
    <col min="39" max="16384" width="2.5" style="1" hidden="1"/>
  </cols>
  <sheetData>
    <row r="1" spans="1:38" ht="15" customHeight="1" x14ac:dyDescent="0.15"/>
    <row r="2" spans="1:38" ht="15" customHeight="1" x14ac:dyDescent="0.15"/>
    <row r="3" spans="1:38" ht="15" customHeight="1" x14ac:dyDescent="0.15"/>
    <row r="4" spans="1:38" ht="15" customHeight="1" x14ac:dyDescent="0.15"/>
    <row r="5" spans="1:38" ht="15" customHeight="1" x14ac:dyDescent="0.15">
      <c r="B5" s="82" t="s">
        <v>0</v>
      </c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  <c r="AH5" s="82"/>
      <c r="AI5" s="82"/>
      <c r="AJ5" s="82"/>
      <c r="AK5" s="82"/>
    </row>
    <row r="6" spans="1:38" ht="15" customHeight="1" x14ac:dyDescent="0.15">
      <c r="B6" s="82"/>
      <c r="C6" s="82"/>
      <c r="D6" s="82"/>
      <c r="E6" s="82"/>
      <c r="F6" s="82"/>
      <c r="G6" s="82"/>
      <c r="H6" s="82"/>
      <c r="I6" s="82"/>
      <c r="J6" s="82"/>
      <c r="K6" s="82"/>
      <c r="L6" s="82"/>
      <c r="M6" s="82"/>
      <c r="N6" s="82"/>
      <c r="O6" s="82"/>
      <c r="P6" s="82"/>
      <c r="Q6" s="82"/>
      <c r="R6" s="82"/>
      <c r="S6" s="82"/>
      <c r="T6" s="82"/>
      <c r="U6" s="82"/>
      <c r="V6" s="82"/>
      <c r="W6" s="82"/>
      <c r="X6" s="82"/>
      <c r="Y6" s="82"/>
      <c r="Z6" s="82"/>
      <c r="AA6" s="82"/>
      <c r="AB6" s="82"/>
      <c r="AC6" s="82"/>
      <c r="AD6" s="82"/>
      <c r="AE6" s="82"/>
      <c r="AF6" s="82"/>
      <c r="AG6" s="82"/>
      <c r="AH6" s="82"/>
      <c r="AI6" s="82"/>
      <c r="AJ6" s="82"/>
      <c r="AK6" s="82"/>
    </row>
    <row r="7" spans="1:38" ht="15" customHeight="1" x14ac:dyDescent="0.15"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  <c r="Q7" s="13"/>
      <c r="R7" s="13"/>
      <c r="S7" s="13"/>
      <c r="T7" s="13"/>
      <c r="U7" s="13"/>
      <c r="V7" s="13"/>
      <c r="W7" s="13"/>
      <c r="X7" s="13"/>
      <c r="Y7" s="13"/>
      <c r="Z7" s="13"/>
      <c r="AA7" s="13"/>
      <c r="AB7" s="13"/>
      <c r="AC7" s="13"/>
      <c r="AD7" s="13"/>
      <c r="AE7" s="13"/>
      <c r="AF7" s="13"/>
      <c r="AG7" s="13"/>
      <c r="AH7" s="13"/>
      <c r="AI7" s="13"/>
      <c r="AJ7" s="13"/>
      <c r="AK7" s="13"/>
      <c r="AL7" s="13"/>
    </row>
    <row r="8" spans="1:38" ht="15" customHeight="1" x14ac:dyDescent="0.15">
      <c r="X8" s="42"/>
      <c r="Y8" s="42"/>
      <c r="Z8" s="42"/>
      <c r="AA8" s="42"/>
      <c r="AB8" s="42" t="s">
        <v>1</v>
      </c>
      <c r="AC8" s="42"/>
      <c r="AD8" s="42"/>
      <c r="AE8" s="42"/>
      <c r="AF8" s="42" t="s">
        <v>2</v>
      </c>
      <c r="AG8" s="42"/>
      <c r="AH8" s="42"/>
      <c r="AI8" s="42"/>
      <c r="AJ8" s="42" t="s">
        <v>3</v>
      </c>
      <c r="AK8" s="42"/>
    </row>
    <row r="9" spans="1:38" ht="15" customHeight="1" x14ac:dyDescent="0.15">
      <c r="X9" s="42"/>
      <c r="Y9" s="42"/>
      <c r="Z9" s="42"/>
      <c r="AA9" s="42"/>
      <c r="AB9" s="42"/>
      <c r="AC9" s="42"/>
      <c r="AD9" s="42"/>
      <c r="AE9" s="42"/>
      <c r="AF9" s="42"/>
      <c r="AG9" s="42"/>
      <c r="AH9" s="42"/>
      <c r="AI9" s="42"/>
      <c r="AJ9" s="42"/>
      <c r="AK9" s="42"/>
    </row>
    <row r="10" spans="1:38" ht="15" customHeight="1" x14ac:dyDescent="0.15">
      <c r="C10" s="40" t="s">
        <v>4</v>
      </c>
      <c r="D10" s="40"/>
      <c r="E10" s="40"/>
      <c r="F10" s="40"/>
      <c r="G10" s="40"/>
      <c r="H10" s="40"/>
      <c r="I10" s="40"/>
      <c r="J10" s="40"/>
      <c r="K10" s="40"/>
      <c r="L10" s="40"/>
      <c r="AL10" s="1"/>
    </row>
    <row r="11" spans="1:38" ht="15" customHeight="1" x14ac:dyDescent="0.15">
      <c r="C11" s="3"/>
      <c r="D11" s="3"/>
      <c r="E11" s="3"/>
      <c r="F11" s="3"/>
      <c r="G11" s="3"/>
      <c r="H11" s="3"/>
      <c r="I11" s="3"/>
      <c r="J11" s="3"/>
      <c r="K11" s="3"/>
      <c r="L11" s="3"/>
      <c r="O11" s="42" t="s">
        <v>16</v>
      </c>
      <c r="P11" s="42"/>
      <c r="Q11" s="42"/>
      <c r="R11" s="42"/>
      <c r="S11" s="42"/>
      <c r="T11" s="79" t="s">
        <v>6</v>
      </c>
      <c r="U11" s="79"/>
      <c r="V11" s="79"/>
      <c r="W11" s="79"/>
      <c r="X11" s="42"/>
      <c r="Y11" s="42"/>
      <c r="Z11" s="42"/>
      <c r="AA11" s="42"/>
      <c r="AB11" s="42"/>
      <c r="AC11" s="42"/>
      <c r="AD11" s="42"/>
      <c r="AE11" s="42"/>
      <c r="AF11" s="42"/>
      <c r="AG11" s="42"/>
      <c r="AH11" s="42"/>
      <c r="AI11" s="42"/>
      <c r="AJ11" s="42"/>
      <c r="AK11" s="42"/>
    </row>
    <row r="12" spans="1:38" ht="15" customHeight="1" x14ac:dyDescent="0.15">
      <c r="O12" s="42"/>
      <c r="P12" s="42"/>
      <c r="Q12" s="42"/>
      <c r="R12" s="42"/>
      <c r="S12" s="42"/>
      <c r="T12" s="79"/>
      <c r="U12" s="79"/>
      <c r="V12" s="79"/>
      <c r="W12" s="79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/>
      <c r="AK12" s="42"/>
    </row>
    <row r="13" spans="1:38" ht="19.5" customHeight="1" x14ac:dyDescent="0.15">
      <c r="T13" s="79" t="s">
        <v>19</v>
      </c>
      <c r="U13" s="79"/>
      <c r="V13" s="79"/>
      <c r="W13" s="79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 t="s">
        <v>63</v>
      </c>
      <c r="AK13" s="42"/>
    </row>
    <row r="14" spans="1:38" ht="19.5" customHeight="1" x14ac:dyDescent="0.15">
      <c r="T14" s="79"/>
      <c r="U14" s="79"/>
      <c r="V14" s="79"/>
      <c r="W14" s="79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2"/>
      <c r="AI14" s="42"/>
      <c r="AJ14" s="42"/>
      <c r="AK14" s="42"/>
    </row>
    <row r="15" spans="1:38" s="29" customFormat="1" ht="15" customHeight="1" x14ac:dyDescent="0.15">
      <c r="A15" s="2"/>
      <c r="T15" s="30"/>
      <c r="U15" s="30"/>
      <c r="V15" s="30"/>
      <c r="W15" s="30"/>
      <c r="Y15" s="116" t="s">
        <v>64</v>
      </c>
      <c r="Z15" s="116"/>
      <c r="AA15" s="116"/>
      <c r="AB15" s="116"/>
      <c r="AC15" s="116"/>
      <c r="AD15" s="116"/>
      <c r="AE15" s="116"/>
      <c r="AF15" s="116"/>
      <c r="AG15" s="116"/>
      <c r="AH15" s="116"/>
      <c r="AI15" s="116"/>
      <c r="AL15" s="2"/>
    </row>
    <row r="16" spans="1:38" ht="15" customHeight="1" x14ac:dyDescent="0.15">
      <c r="T16" s="79" t="s">
        <v>17</v>
      </c>
      <c r="U16" s="79"/>
      <c r="V16" s="79"/>
      <c r="W16" s="79"/>
      <c r="X16" s="79"/>
      <c r="Y16" s="42"/>
      <c r="Z16" s="42"/>
      <c r="AA16" s="42"/>
      <c r="AB16" s="42"/>
      <c r="AC16" s="42"/>
      <c r="AD16" s="42"/>
      <c r="AE16" s="42"/>
      <c r="AF16" s="42"/>
      <c r="AG16" s="42"/>
      <c r="AH16" s="42"/>
      <c r="AI16" s="42"/>
      <c r="AJ16" s="42" t="s">
        <v>63</v>
      </c>
      <c r="AK16" s="42"/>
    </row>
    <row r="17" spans="1:38" ht="15" customHeight="1" x14ac:dyDescent="0.15">
      <c r="T17" s="79"/>
      <c r="U17" s="79"/>
      <c r="V17" s="79"/>
      <c r="W17" s="79"/>
      <c r="X17" s="79"/>
      <c r="Y17" s="42"/>
      <c r="Z17" s="42"/>
      <c r="AA17" s="42"/>
      <c r="AB17" s="42"/>
      <c r="AC17" s="42"/>
      <c r="AD17" s="42"/>
      <c r="AE17" s="42"/>
      <c r="AF17" s="42"/>
      <c r="AG17" s="42"/>
      <c r="AH17" s="42"/>
      <c r="AI17" s="42"/>
      <c r="AJ17" s="42"/>
      <c r="AK17" s="42"/>
    </row>
    <row r="18" spans="1:38" s="29" customFormat="1" ht="15" customHeight="1" x14ac:dyDescent="0.15">
      <c r="A18" s="2"/>
      <c r="T18" s="30"/>
      <c r="U18" s="30"/>
      <c r="V18" s="30"/>
      <c r="W18" s="30"/>
      <c r="X18" s="30"/>
      <c r="Y18" s="116" t="s">
        <v>65</v>
      </c>
      <c r="Z18" s="116"/>
      <c r="AA18" s="116"/>
      <c r="AB18" s="116"/>
      <c r="AC18" s="116"/>
      <c r="AD18" s="116"/>
      <c r="AE18" s="116"/>
      <c r="AF18" s="116"/>
      <c r="AG18" s="116"/>
      <c r="AH18" s="116"/>
      <c r="AI18" s="116"/>
      <c r="AL18" s="2"/>
    </row>
    <row r="19" spans="1:38" ht="15" customHeight="1" x14ac:dyDescent="0.15">
      <c r="T19" s="24" t="s">
        <v>23</v>
      </c>
      <c r="U19" s="24"/>
      <c r="V19" s="24"/>
      <c r="W19" s="24"/>
      <c r="X19" s="24"/>
      <c r="Y19" s="24"/>
      <c r="Z19" s="24"/>
      <c r="AA19" s="24"/>
      <c r="AB19" s="81"/>
      <c r="AC19" s="81"/>
      <c r="AD19" s="81"/>
      <c r="AE19" s="81"/>
      <c r="AF19" s="1" t="s">
        <v>15</v>
      </c>
    </row>
    <row r="20" spans="1:38" ht="15" customHeight="1" x14ac:dyDescent="0.15"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</row>
    <row r="21" spans="1:38" ht="15" customHeight="1" x14ac:dyDescent="0.15">
      <c r="B21" s="80" t="s">
        <v>24</v>
      </c>
      <c r="C21" s="80"/>
      <c r="D21" s="80"/>
      <c r="E21" s="80"/>
      <c r="F21" s="80"/>
      <c r="G21" s="80"/>
      <c r="H21" s="80"/>
      <c r="I21" s="80"/>
      <c r="J21" s="80"/>
      <c r="K21" s="80"/>
      <c r="L21" s="80"/>
      <c r="M21" s="80"/>
      <c r="N21" s="80"/>
      <c r="O21" s="80"/>
      <c r="P21" s="80"/>
      <c r="Q21" s="80"/>
      <c r="R21" s="80"/>
      <c r="S21" s="80"/>
      <c r="T21" s="80"/>
      <c r="U21" s="80"/>
      <c r="V21" s="80"/>
      <c r="W21" s="80"/>
      <c r="X21" s="80"/>
      <c r="Y21" s="80"/>
      <c r="Z21" s="80"/>
      <c r="AA21" s="80"/>
      <c r="AB21" s="80"/>
      <c r="AC21" s="80"/>
      <c r="AD21" s="80"/>
      <c r="AE21" s="80"/>
      <c r="AF21" s="80"/>
      <c r="AG21" s="80"/>
      <c r="AH21" s="80"/>
      <c r="AI21" s="80"/>
      <c r="AJ21" s="80"/>
      <c r="AK21" s="80"/>
      <c r="AL21" s="80"/>
    </row>
    <row r="22" spans="1:38" ht="15" customHeight="1" x14ac:dyDescent="0.15">
      <c r="B22" s="80"/>
      <c r="C22" s="80"/>
      <c r="D22" s="80"/>
      <c r="E22" s="80"/>
      <c r="F22" s="80"/>
      <c r="G22" s="80"/>
      <c r="H22" s="80"/>
      <c r="I22" s="80"/>
      <c r="J22" s="80"/>
      <c r="K22" s="80"/>
      <c r="L22" s="80"/>
      <c r="M22" s="80"/>
      <c r="N22" s="80"/>
      <c r="O22" s="80"/>
      <c r="P22" s="80"/>
      <c r="Q22" s="80"/>
      <c r="R22" s="80"/>
      <c r="S22" s="80"/>
      <c r="T22" s="80"/>
      <c r="U22" s="80"/>
      <c r="V22" s="80"/>
      <c r="W22" s="80"/>
      <c r="X22" s="80"/>
      <c r="Y22" s="80"/>
      <c r="Z22" s="80"/>
      <c r="AA22" s="80"/>
      <c r="AB22" s="80"/>
      <c r="AC22" s="80"/>
      <c r="AD22" s="80"/>
      <c r="AE22" s="80"/>
      <c r="AF22" s="80"/>
      <c r="AG22" s="80"/>
      <c r="AH22" s="80"/>
      <c r="AI22" s="80"/>
      <c r="AJ22" s="80"/>
      <c r="AK22" s="80"/>
      <c r="AL22" s="80"/>
    </row>
    <row r="23" spans="1:38" ht="9" customHeight="1" x14ac:dyDescent="0.15">
      <c r="B23" s="80"/>
      <c r="C23" s="80"/>
      <c r="D23" s="80"/>
      <c r="E23" s="80"/>
      <c r="F23" s="80"/>
      <c r="G23" s="80"/>
      <c r="H23" s="80"/>
      <c r="I23" s="80"/>
      <c r="J23" s="80"/>
      <c r="K23" s="80"/>
      <c r="L23" s="80"/>
      <c r="M23" s="80"/>
      <c r="N23" s="80"/>
      <c r="O23" s="80"/>
      <c r="P23" s="80"/>
      <c r="Q23" s="80"/>
      <c r="R23" s="80"/>
      <c r="S23" s="80"/>
      <c r="T23" s="80"/>
      <c r="U23" s="80"/>
      <c r="V23" s="80"/>
      <c r="W23" s="80"/>
      <c r="X23" s="80"/>
      <c r="Y23" s="80"/>
      <c r="Z23" s="80"/>
      <c r="AA23" s="80"/>
      <c r="AB23" s="80"/>
      <c r="AC23" s="80"/>
      <c r="AD23" s="80"/>
      <c r="AE23" s="80"/>
      <c r="AF23" s="80"/>
      <c r="AG23" s="80"/>
      <c r="AH23" s="80"/>
      <c r="AI23" s="80"/>
      <c r="AJ23" s="80"/>
      <c r="AK23" s="80"/>
      <c r="AL23" s="80"/>
    </row>
    <row r="24" spans="1:38" ht="18" customHeight="1" x14ac:dyDescent="0.15">
      <c r="B24" s="48" t="s">
        <v>25</v>
      </c>
      <c r="C24" s="49"/>
      <c r="D24" s="49"/>
      <c r="E24" s="49"/>
      <c r="F24" s="49"/>
      <c r="G24" s="49"/>
      <c r="H24" s="49"/>
      <c r="I24" s="50"/>
      <c r="J24" s="14"/>
      <c r="K24" s="46"/>
      <c r="L24" s="46"/>
      <c r="M24" s="78"/>
      <c r="N24" s="78"/>
      <c r="O24" s="46" t="s">
        <v>1</v>
      </c>
      <c r="P24" s="78"/>
      <c r="Q24" s="78"/>
      <c r="R24" s="46" t="s">
        <v>2</v>
      </c>
      <c r="S24" s="78"/>
      <c r="T24" s="78"/>
      <c r="U24" s="46" t="s">
        <v>3</v>
      </c>
      <c r="V24" s="78" t="s">
        <v>12</v>
      </c>
      <c r="W24" s="78"/>
      <c r="X24" s="78"/>
      <c r="Y24" s="46"/>
      <c r="Z24" s="46"/>
      <c r="AA24" s="78"/>
      <c r="AB24" s="78"/>
      <c r="AC24" s="46" t="s">
        <v>1</v>
      </c>
      <c r="AD24" s="78"/>
      <c r="AE24" s="78"/>
      <c r="AF24" s="46" t="s">
        <v>2</v>
      </c>
      <c r="AG24" s="78"/>
      <c r="AH24" s="78"/>
      <c r="AI24" s="46" t="s">
        <v>3</v>
      </c>
      <c r="AJ24" s="11"/>
      <c r="AK24" s="8"/>
    </row>
    <row r="25" spans="1:38" ht="18" customHeight="1" x14ac:dyDescent="0.15">
      <c r="B25" s="51"/>
      <c r="C25" s="52"/>
      <c r="D25" s="52"/>
      <c r="E25" s="52"/>
      <c r="F25" s="52"/>
      <c r="G25" s="52"/>
      <c r="H25" s="52"/>
      <c r="I25" s="53"/>
      <c r="J25" s="15"/>
      <c r="K25" s="70"/>
      <c r="L25" s="70"/>
      <c r="M25" s="76"/>
      <c r="N25" s="76"/>
      <c r="O25" s="70"/>
      <c r="P25" s="76"/>
      <c r="Q25" s="76"/>
      <c r="R25" s="70"/>
      <c r="S25" s="76"/>
      <c r="T25" s="76"/>
      <c r="U25" s="70"/>
      <c r="V25" s="76"/>
      <c r="W25" s="76"/>
      <c r="X25" s="76"/>
      <c r="Y25" s="70"/>
      <c r="Z25" s="70"/>
      <c r="AA25" s="76"/>
      <c r="AB25" s="76"/>
      <c r="AC25" s="70"/>
      <c r="AD25" s="76"/>
      <c r="AE25" s="76"/>
      <c r="AF25" s="70"/>
      <c r="AG25" s="76"/>
      <c r="AH25" s="76"/>
      <c r="AI25" s="70"/>
      <c r="AJ25" s="12"/>
      <c r="AK25" s="10"/>
    </row>
    <row r="26" spans="1:38" ht="18" customHeight="1" x14ac:dyDescent="0.15">
      <c r="B26" s="31" t="s">
        <v>46</v>
      </c>
      <c r="C26" s="32"/>
      <c r="D26" s="32"/>
      <c r="E26" s="32"/>
      <c r="F26" s="32"/>
      <c r="G26" s="32"/>
      <c r="H26" s="32"/>
      <c r="I26" s="33"/>
      <c r="J26" s="72" t="s">
        <v>13</v>
      </c>
      <c r="K26" s="73"/>
      <c r="L26" s="74"/>
      <c r="M26" s="67"/>
      <c r="N26" s="47"/>
      <c r="O26" s="47"/>
      <c r="P26" s="47"/>
      <c r="Q26" s="47"/>
      <c r="R26" s="47"/>
      <c r="S26" s="47"/>
      <c r="T26" s="47"/>
      <c r="U26" s="47"/>
      <c r="V26" s="47"/>
      <c r="W26" s="47"/>
      <c r="X26" s="47"/>
      <c r="Y26" s="47"/>
      <c r="Z26" s="47"/>
      <c r="AA26" s="47"/>
      <c r="AB26" s="47"/>
      <c r="AC26" s="47"/>
      <c r="AD26" s="47"/>
      <c r="AE26" s="47"/>
      <c r="AF26" s="47"/>
      <c r="AG26" s="47"/>
      <c r="AH26" s="47"/>
      <c r="AI26" s="47"/>
      <c r="AJ26" s="47"/>
      <c r="AK26" s="68"/>
    </row>
    <row r="27" spans="1:38" ht="18" customHeight="1" x14ac:dyDescent="0.15">
      <c r="B27" s="34"/>
      <c r="C27" s="35"/>
      <c r="D27" s="35"/>
      <c r="E27" s="35"/>
      <c r="F27" s="35"/>
      <c r="G27" s="35"/>
      <c r="H27" s="35"/>
      <c r="I27" s="36"/>
      <c r="J27" s="72"/>
      <c r="K27" s="73"/>
      <c r="L27" s="74"/>
      <c r="M27" s="6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  <c r="AA27" s="47"/>
      <c r="AB27" s="47"/>
      <c r="AC27" s="47"/>
      <c r="AD27" s="47"/>
      <c r="AE27" s="47"/>
      <c r="AF27" s="47"/>
      <c r="AG27" s="47"/>
      <c r="AH27" s="47"/>
      <c r="AI27" s="47"/>
      <c r="AJ27" s="47"/>
      <c r="AK27" s="68"/>
    </row>
    <row r="28" spans="1:38" ht="18" customHeight="1" x14ac:dyDescent="0.15">
      <c r="B28" s="34"/>
      <c r="C28" s="35"/>
      <c r="D28" s="35"/>
      <c r="E28" s="35"/>
      <c r="F28" s="35"/>
      <c r="G28" s="35"/>
      <c r="H28" s="35"/>
      <c r="I28" s="36"/>
      <c r="J28" s="72" t="s">
        <v>14</v>
      </c>
      <c r="K28" s="73"/>
      <c r="L28" s="74"/>
      <c r="M28" s="67"/>
      <c r="N28" s="47"/>
      <c r="O28" s="47"/>
      <c r="P28" s="47"/>
      <c r="Q28" s="47"/>
      <c r="R28" s="47"/>
      <c r="S28" s="47"/>
      <c r="T28" s="47"/>
      <c r="U28" s="47"/>
      <c r="V28" s="47"/>
      <c r="W28" s="47"/>
      <c r="X28" s="47"/>
      <c r="Y28" s="47"/>
      <c r="Z28" s="47"/>
      <c r="AA28" s="47"/>
      <c r="AB28" s="47"/>
      <c r="AC28" s="47"/>
      <c r="AD28" s="47"/>
      <c r="AE28" s="47"/>
      <c r="AF28" s="47"/>
      <c r="AG28" s="47"/>
      <c r="AH28" s="47"/>
      <c r="AI28" s="47"/>
      <c r="AJ28" s="47"/>
      <c r="AK28" s="68"/>
    </row>
    <row r="29" spans="1:38" ht="18" customHeight="1" x14ac:dyDescent="0.15">
      <c r="B29" s="37"/>
      <c r="C29" s="38"/>
      <c r="D29" s="38"/>
      <c r="E29" s="38"/>
      <c r="F29" s="38"/>
      <c r="G29" s="38"/>
      <c r="H29" s="38"/>
      <c r="I29" s="39"/>
      <c r="J29" s="75"/>
      <c r="K29" s="76"/>
      <c r="L29" s="77"/>
      <c r="M29" s="69"/>
      <c r="N29" s="70"/>
      <c r="O29" s="70"/>
      <c r="P29" s="70"/>
      <c r="Q29" s="70"/>
      <c r="R29" s="70"/>
      <c r="S29" s="70"/>
      <c r="T29" s="70"/>
      <c r="U29" s="70"/>
      <c r="V29" s="70"/>
      <c r="W29" s="70"/>
      <c r="X29" s="70"/>
      <c r="Y29" s="70"/>
      <c r="Z29" s="70"/>
      <c r="AA29" s="70"/>
      <c r="AB29" s="70"/>
      <c r="AC29" s="70"/>
      <c r="AD29" s="70"/>
      <c r="AE29" s="70"/>
      <c r="AF29" s="70"/>
      <c r="AG29" s="70"/>
      <c r="AH29" s="70"/>
      <c r="AI29" s="70"/>
      <c r="AJ29" s="70"/>
      <c r="AK29" s="71"/>
    </row>
    <row r="30" spans="1:38" ht="18" customHeight="1" x14ac:dyDescent="0.15">
      <c r="B30" s="31" t="s">
        <v>47</v>
      </c>
      <c r="C30" s="83"/>
      <c r="D30" s="83"/>
      <c r="E30" s="83"/>
      <c r="F30" s="83"/>
      <c r="G30" s="83"/>
      <c r="H30" s="83"/>
      <c r="I30" s="84"/>
      <c r="J30" s="11"/>
      <c r="K30" s="46"/>
      <c r="L30" s="46"/>
      <c r="M30" s="78"/>
      <c r="N30" s="78"/>
      <c r="O30" s="46" t="s">
        <v>1</v>
      </c>
      <c r="P30" s="78"/>
      <c r="Q30" s="78"/>
      <c r="R30" s="46" t="s">
        <v>2</v>
      </c>
      <c r="S30" s="78"/>
      <c r="T30" s="78"/>
      <c r="U30" s="46" t="s">
        <v>3</v>
      </c>
      <c r="V30" s="11"/>
      <c r="W30" s="11"/>
      <c r="X30" s="11"/>
      <c r="Y30" s="11"/>
      <c r="Z30" s="46"/>
      <c r="AA30" s="46"/>
      <c r="AD30" s="11"/>
      <c r="AE30" s="11"/>
      <c r="AF30" s="11"/>
      <c r="AG30" s="11"/>
      <c r="AH30" s="11"/>
      <c r="AI30" s="11"/>
      <c r="AJ30" s="11"/>
      <c r="AK30" s="8"/>
    </row>
    <row r="31" spans="1:38" ht="18" customHeight="1" x14ac:dyDescent="0.15">
      <c r="B31" s="85"/>
      <c r="C31" s="86"/>
      <c r="D31" s="86"/>
      <c r="E31" s="86"/>
      <c r="F31" s="86"/>
      <c r="G31" s="86"/>
      <c r="H31" s="86"/>
      <c r="I31" s="87"/>
      <c r="J31" s="12"/>
      <c r="K31" s="47"/>
      <c r="L31" s="47"/>
      <c r="M31" s="76"/>
      <c r="N31" s="76"/>
      <c r="O31" s="70"/>
      <c r="P31" s="76"/>
      <c r="Q31" s="76"/>
      <c r="R31" s="70"/>
      <c r="S31" s="76"/>
      <c r="T31" s="76"/>
      <c r="U31" s="70"/>
      <c r="V31" s="12"/>
      <c r="W31" s="12"/>
      <c r="X31" s="12"/>
      <c r="Y31" s="12"/>
      <c r="Z31" s="47"/>
      <c r="AA31" s="47"/>
      <c r="AD31" s="6"/>
      <c r="AE31" s="6"/>
      <c r="AF31" s="6"/>
      <c r="AG31" s="6"/>
      <c r="AH31" s="6"/>
      <c r="AI31" s="6"/>
      <c r="AJ31" s="6"/>
      <c r="AK31" s="9"/>
    </row>
    <row r="32" spans="1:38" ht="18" customHeight="1" x14ac:dyDescent="0.15">
      <c r="B32" s="48" t="s">
        <v>9</v>
      </c>
      <c r="C32" s="49"/>
      <c r="D32" s="49"/>
      <c r="E32" s="49"/>
      <c r="F32" s="49"/>
      <c r="G32" s="49"/>
      <c r="H32" s="49"/>
      <c r="I32" s="50"/>
      <c r="J32" s="16" t="s">
        <v>10</v>
      </c>
      <c r="K32" s="54" t="s">
        <v>10</v>
      </c>
      <c r="L32" s="54"/>
      <c r="M32" s="54"/>
      <c r="N32" s="56"/>
      <c r="O32" s="56"/>
      <c r="P32" s="56"/>
      <c r="Q32" s="56"/>
      <c r="R32" s="56"/>
      <c r="S32" s="56"/>
      <c r="T32" s="56"/>
      <c r="U32" s="56"/>
      <c r="V32" s="56"/>
      <c r="W32" s="56"/>
      <c r="X32" s="56"/>
      <c r="Y32" s="56"/>
      <c r="Z32" s="56"/>
      <c r="AA32" s="56"/>
      <c r="AB32" s="56"/>
      <c r="AC32" s="56"/>
      <c r="AD32" s="56"/>
      <c r="AE32" s="56"/>
      <c r="AF32" s="56"/>
      <c r="AG32" s="56"/>
      <c r="AH32" s="56"/>
      <c r="AI32" s="56"/>
      <c r="AJ32" s="56"/>
      <c r="AK32" s="57"/>
    </row>
    <row r="33" spans="2:37" ht="18" customHeight="1" x14ac:dyDescent="0.15">
      <c r="B33" s="51"/>
      <c r="C33" s="52"/>
      <c r="D33" s="52"/>
      <c r="E33" s="52"/>
      <c r="F33" s="52"/>
      <c r="G33" s="52"/>
      <c r="H33" s="52"/>
      <c r="I33" s="53"/>
      <c r="J33" s="17"/>
      <c r="K33" s="55"/>
      <c r="L33" s="55"/>
      <c r="M33" s="55"/>
      <c r="N33" s="58"/>
      <c r="O33" s="58"/>
      <c r="P33" s="58"/>
      <c r="Q33" s="58"/>
      <c r="R33" s="58"/>
      <c r="S33" s="58"/>
      <c r="T33" s="58"/>
      <c r="U33" s="58"/>
      <c r="V33" s="58"/>
      <c r="W33" s="58"/>
      <c r="X33" s="58"/>
      <c r="Y33" s="58"/>
      <c r="Z33" s="58"/>
      <c r="AA33" s="58"/>
      <c r="AB33" s="58"/>
      <c r="AC33" s="58"/>
      <c r="AD33" s="58"/>
      <c r="AE33" s="58"/>
      <c r="AF33" s="58"/>
      <c r="AG33" s="58"/>
      <c r="AH33" s="58"/>
      <c r="AI33" s="58"/>
      <c r="AJ33" s="58"/>
      <c r="AK33" s="59"/>
    </row>
    <row r="34" spans="2:37" ht="15" customHeight="1" x14ac:dyDescent="0.15">
      <c r="B34" s="60" t="s">
        <v>26</v>
      </c>
      <c r="C34" s="56"/>
      <c r="D34" s="56"/>
      <c r="E34" s="56"/>
      <c r="F34" s="56"/>
      <c r="G34" s="56"/>
      <c r="H34" s="56"/>
      <c r="I34" s="57"/>
      <c r="J34" s="65"/>
      <c r="K34" s="46"/>
      <c r="L34" s="46"/>
      <c r="M34" s="46"/>
      <c r="N34" s="46"/>
      <c r="O34" s="46"/>
      <c r="P34" s="46"/>
      <c r="Q34" s="46"/>
      <c r="R34" s="46"/>
      <c r="S34" s="46"/>
      <c r="T34" s="46"/>
      <c r="U34" s="46"/>
      <c r="V34" s="46"/>
      <c r="W34" s="46"/>
      <c r="X34" s="46"/>
      <c r="Y34" s="46"/>
      <c r="Z34" s="46"/>
      <c r="AA34" s="46"/>
      <c r="AB34" s="46"/>
      <c r="AC34" s="46"/>
      <c r="AD34" s="46"/>
      <c r="AE34" s="46"/>
      <c r="AF34" s="46"/>
      <c r="AG34" s="46"/>
      <c r="AH34" s="46"/>
      <c r="AI34" s="46"/>
      <c r="AJ34" s="46"/>
      <c r="AK34" s="66"/>
    </row>
    <row r="35" spans="2:37" s="2" customFormat="1" ht="15" customHeight="1" x14ac:dyDescent="0.15">
      <c r="B35" s="61"/>
      <c r="C35" s="62"/>
      <c r="D35" s="62"/>
      <c r="E35" s="62"/>
      <c r="F35" s="62"/>
      <c r="G35" s="62"/>
      <c r="H35" s="62"/>
      <c r="I35" s="63"/>
      <c r="J35" s="67"/>
      <c r="K35" s="47"/>
      <c r="L35" s="47"/>
      <c r="M35" s="47"/>
      <c r="N35" s="47"/>
      <c r="O35" s="47"/>
      <c r="P35" s="47"/>
      <c r="Q35" s="47"/>
      <c r="R35" s="47"/>
      <c r="S35" s="47"/>
      <c r="T35" s="47"/>
      <c r="U35" s="47"/>
      <c r="V35" s="47"/>
      <c r="W35" s="47"/>
      <c r="X35" s="47"/>
      <c r="Y35" s="47"/>
      <c r="Z35" s="47"/>
      <c r="AA35" s="47"/>
      <c r="AB35" s="47"/>
      <c r="AC35" s="47"/>
      <c r="AD35" s="47"/>
      <c r="AE35" s="47"/>
      <c r="AF35" s="47"/>
      <c r="AG35" s="47"/>
      <c r="AH35" s="47"/>
      <c r="AI35" s="47"/>
      <c r="AJ35" s="47"/>
      <c r="AK35" s="68"/>
    </row>
    <row r="36" spans="2:37" s="2" customFormat="1" ht="15" customHeight="1" x14ac:dyDescent="0.15">
      <c r="B36" s="61"/>
      <c r="C36" s="62"/>
      <c r="D36" s="62"/>
      <c r="E36" s="62"/>
      <c r="F36" s="62"/>
      <c r="G36" s="62"/>
      <c r="H36" s="62"/>
      <c r="I36" s="63"/>
      <c r="J36" s="67"/>
      <c r="K36" s="47"/>
      <c r="L36" s="47"/>
      <c r="M36" s="47"/>
      <c r="N36" s="47"/>
      <c r="O36" s="47"/>
      <c r="P36" s="47"/>
      <c r="Q36" s="47"/>
      <c r="R36" s="47"/>
      <c r="S36" s="47"/>
      <c r="T36" s="47"/>
      <c r="U36" s="47"/>
      <c r="V36" s="47"/>
      <c r="W36" s="47"/>
      <c r="X36" s="47"/>
      <c r="Y36" s="47"/>
      <c r="Z36" s="47"/>
      <c r="AA36" s="47"/>
      <c r="AB36" s="47"/>
      <c r="AC36" s="47"/>
      <c r="AD36" s="47"/>
      <c r="AE36" s="47"/>
      <c r="AF36" s="47"/>
      <c r="AG36" s="47"/>
      <c r="AH36" s="47"/>
      <c r="AI36" s="47"/>
      <c r="AJ36" s="47"/>
      <c r="AK36" s="68"/>
    </row>
    <row r="37" spans="2:37" s="2" customFormat="1" ht="15" customHeight="1" x14ac:dyDescent="0.15">
      <c r="B37" s="61"/>
      <c r="C37" s="62"/>
      <c r="D37" s="62"/>
      <c r="E37" s="62"/>
      <c r="F37" s="62"/>
      <c r="G37" s="62"/>
      <c r="H37" s="62"/>
      <c r="I37" s="63"/>
      <c r="J37" s="67"/>
      <c r="K37" s="47"/>
      <c r="L37" s="47"/>
      <c r="M37" s="47"/>
      <c r="N37" s="47"/>
      <c r="O37" s="47"/>
      <c r="P37" s="47"/>
      <c r="Q37" s="47"/>
      <c r="R37" s="47"/>
      <c r="S37" s="47"/>
      <c r="T37" s="47"/>
      <c r="U37" s="47"/>
      <c r="V37" s="47"/>
      <c r="W37" s="47"/>
      <c r="X37" s="47"/>
      <c r="Y37" s="47"/>
      <c r="Z37" s="47"/>
      <c r="AA37" s="47"/>
      <c r="AB37" s="47"/>
      <c r="AC37" s="47"/>
      <c r="AD37" s="47"/>
      <c r="AE37" s="47"/>
      <c r="AF37" s="47"/>
      <c r="AG37" s="47"/>
      <c r="AH37" s="47"/>
      <c r="AI37" s="47"/>
      <c r="AJ37" s="47"/>
      <c r="AK37" s="68"/>
    </row>
    <row r="38" spans="2:37" s="2" customFormat="1" ht="15" customHeight="1" x14ac:dyDescent="0.15">
      <c r="B38" s="61"/>
      <c r="C38" s="62"/>
      <c r="D38" s="62"/>
      <c r="E38" s="62"/>
      <c r="F38" s="62"/>
      <c r="G38" s="62"/>
      <c r="H38" s="62"/>
      <c r="I38" s="63"/>
      <c r="J38" s="67"/>
      <c r="K38" s="47"/>
      <c r="L38" s="47"/>
      <c r="M38" s="47"/>
      <c r="N38" s="47"/>
      <c r="O38" s="47"/>
      <c r="P38" s="47"/>
      <c r="Q38" s="47"/>
      <c r="R38" s="47"/>
      <c r="S38" s="47"/>
      <c r="T38" s="47"/>
      <c r="U38" s="47"/>
      <c r="V38" s="47"/>
      <c r="W38" s="47"/>
      <c r="X38" s="47"/>
      <c r="Y38" s="47"/>
      <c r="Z38" s="47"/>
      <c r="AA38" s="47"/>
      <c r="AB38" s="47"/>
      <c r="AC38" s="47"/>
      <c r="AD38" s="47"/>
      <c r="AE38" s="47"/>
      <c r="AF38" s="47"/>
      <c r="AG38" s="47"/>
      <c r="AH38" s="47"/>
      <c r="AI38" s="47"/>
      <c r="AJ38" s="47"/>
      <c r="AK38" s="68"/>
    </row>
    <row r="39" spans="2:37" s="2" customFormat="1" ht="15" customHeight="1" x14ac:dyDescent="0.15">
      <c r="B39" s="61"/>
      <c r="C39" s="62"/>
      <c r="D39" s="62"/>
      <c r="E39" s="62"/>
      <c r="F39" s="62"/>
      <c r="G39" s="62"/>
      <c r="H39" s="62"/>
      <c r="I39" s="63"/>
      <c r="J39" s="67"/>
      <c r="K39" s="47"/>
      <c r="L39" s="47"/>
      <c r="M39" s="47"/>
      <c r="N39" s="47"/>
      <c r="O39" s="47"/>
      <c r="P39" s="47"/>
      <c r="Q39" s="47"/>
      <c r="R39" s="47"/>
      <c r="S39" s="47"/>
      <c r="T39" s="47"/>
      <c r="U39" s="47"/>
      <c r="V39" s="47"/>
      <c r="W39" s="47"/>
      <c r="X39" s="47"/>
      <c r="Y39" s="47"/>
      <c r="Z39" s="47"/>
      <c r="AA39" s="47"/>
      <c r="AB39" s="47"/>
      <c r="AC39" s="47"/>
      <c r="AD39" s="47"/>
      <c r="AE39" s="47"/>
      <c r="AF39" s="47"/>
      <c r="AG39" s="47"/>
      <c r="AH39" s="47"/>
      <c r="AI39" s="47"/>
      <c r="AJ39" s="47"/>
      <c r="AK39" s="68"/>
    </row>
    <row r="40" spans="2:37" s="2" customFormat="1" ht="15" customHeight="1" x14ac:dyDescent="0.15">
      <c r="B40" s="61"/>
      <c r="C40" s="62"/>
      <c r="D40" s="62"/>
      <c r="E40" s="62"/>
      <c r="F40" s="62"/>
      <c r="G40" s="62"/>
      <c r="H40" s="62"/>
      <c r="I40" s="63"/>
      <c r="J40" s="67"/>
      <c r="K40" s="47"/>
      <c r="L40" s="47"/>
      <c r="M40" s="47"/>
      <c r="N40" s="47"/>
      <c r="O40" s="47"/>
      <c r="P40" s="47"/>
      <c r="Q40" s="47"/>
      <c r="R40" s="47"/>
      <c r="S40" s="47"/>
      <c r="T40" s="47"/>
      <c r="U40" s="47"/>
      <c r="V40" s="47"/>
      <c r="W40" s="47"/>
      <c r="X40" s="47"/>
      <c r="Y40" s="47"/>
      <c r="Z40" s="47"/>
      <c r="AA40" s="47"/>
      <c r="AB40" s="47"/>
      <c r="AC40" s="47"/>
      <c r="AD40" s="47"/>
      <c r="AE40" s="47"/>
      <c r="AF40" s="47"/>
      <c r="AG40" s="47"/>
      <c r="AH40" s="47"/>
      <c r="AI40" s="47"/>
      <c r="AJ40" s="47"/>
      <c r="AK40" s="68"/>
    </row>
    <row r="41" spans="2:37" s="2" customFormat="1" ht="15" customHeight="1" x14ac:dyDescent="0.15">
      <c r="B41" s="61"/>
      <c r="C41" s="62"/>
      <c r="D41" s="62"/>
      <c r="E41" s="62"/>
      <c r="F41" s="62"/>
      <c r="G41" s="62"/>
      <c r="H41" s="62"/>
      <c r="I41" s="63"/>
      <c r="J41" s="67"/>
      <c r="K41" s="47"/>
      <c r="L41" s="47"/>
      <c r="M41" s="47"/>
      <c r="N41" s="47"/>
      <c r="O41" s="47"/>
      <c r="P41" s="47"/>
      <c r="Q41" s="47"/>
      <c r="R41" s="47"/>
      <c r="S41" s="47"/>
      <c r="T41" s="47"/>
      <c r="U41" s="47"/>
      <c r="V41" s="47"/>
      <c r="W41" s="47"/>
      <c r="X41" s="47"/>
      <c r="Y41" s="47"/>
      <c r="Z41" s="47"/>
      <c r="AA41" s="47"/>
      <c r="AB41" s="47"/>
      <c r="AC41" s="47"/>
      <c r="AD41" s="47"/>
      <c r="AE41" s="47"/>
      <c r="AF41" s="47"/>
      <c r="AG41" s="47"/>
      <c r="AH41" s="47"/>
      <c r="AI41" s="47"/>
      <c r="AJ41" s="47"/>
      <c r="AK41" s="68"/>
    </row>
    <row r="42" spans="2:37" s="2" customFormat="1" ht="15" customHeight="1" x14ac:dyDescent="0.15">
      <c r="B42" s="61"/>
      <c r="C42" s="62"/>
      <c r="D42" s="62"/>
      <c r="E42" s="62"/>
      <c r="F42" s="62"/>
      <c r="G42" s="62"/>
      <c r="H42" s="62"/>
      <c r="I42" s="63"/>
      <c r="J42" s="67"/>
      <c r="K42" s="47"/>
      <c r="L42" s="47"/>
      <c r="M42" s="47"/>
      <c r="N42" s="47"/>
      <c r="O42" s="47"/>
      <c r="P42" s="47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68"/>
    </row>
    <row r="43" spans="2:37" s="2" customFormat="1" ht="15" customHeight="1" x14ac:dyDescent="0.15">
      <c r="B43" s="61"/>
      <c r="C43" s="62"/>
      <c r="D43" s="62"/>
      <c r="E43" s="62"/>
      <c r="F43" s="62"/>
      <c r="G43" s="62"/>
      <c r="H43" s="62"/>
      <c r="I43" s="63"/>
      <c r="J43" s="67"/>
      <c r="K43" s="47"/>
      <c r="L43" s="47"/>
      <c r="M43" s="47"/>
      <c r="N43" s="47"/>
      <c r="O43" s="47"/>
      <c r="P43" s="47"/>
      <c r="Q43" s="47"/>
      <c r="R43" s="47"/>
      <c r="S43" s="47"/>
      <c r="T43" s="47"/>
      <c r="U43" s="47"/>
      <c r="V43" s="47"/>
      <c r="W43" s="47"/>
      <c r="X43" s="47"/>
      <c r="Y43" s="47"/>
      <c r="Z43" s="47"/>
      <c r="AA43" s="47"/>
      <c r="AB43" s="47"/>
      <c r="AC43" s="47"/>
      <c r="AD43" s="47"/>
      <c r="AE43" s="47"/>
      <c r="AF43" s="47"/>
      <c r="AG43" s="47"/>
      <c r="AH43" s="47"/>
      <c r="AI43" s="47"/>
      <c r="AJ43" s="47"/>
      <c r="AK43" s="68"/>
    </row>
    <row r="44" spans="2:37" s="2" customFormat="1" ht="15" customHeight="1" x14ac:dyDescent="0.15">
      <c r="B44" s="61"/>
      <c r="C44" s="62"/>
      <c r="D44" s="62"/>
      <c r="E44" s="62"/>
      <c r="F44" s="62"/>
      <c r="G44" s="62"/>
      <c r="H44" s="62"/>
      <c r="I44" s="63"/>
      <c r="J44" s="67"/>
      <c r="K44" s="47"/>
      <c r="L44" s="47"/>
      <c r="M44" s="47"/>
      <c r="N44" s="47"/>
      <c r="O44" s="47"/>
      <c r="P44" s="47"/>
      <c r="Q44" s="47"/>
      <c r="R44" s="47"/>
      <c r="S44" s="47"/>
      <c r="T44" s="47"/>
      <c r="U44" s="47"/>
      <c r="V44" s="47"/>
      <c r="W44" s="47"/>
      <c r="X44" s="47"/>
      <c r="Y44" s="47"/>
      <c r="Z44" s="47"/>
      <c r="AA44" s="47"/>
      <c r="AB44" s="47"/>
      <c r="AC44" s="47"/>
      <c r="AD44" s="47"/>
      <c r="AE44" s="47"/>
      <c r="AF44" s="47"/>
      <c r="AG44" s="47"/>
      <c r="AH44" s="47"/>
      <c r="AI44" s="47"/>
      <c r="AJ44" s="47"/>
      <c r="AK44" s="68"/>
    </row>
    <row r="45" spans="2:37" s="2" customFormat="1" ht="15" customHeight="1" x14ac:dyDescent="0.15">
      <c r="B45" s="64"/>
      <c r="C45" s="58"/>
      <c r="D45" s="58"/>
      <c r="E45" s="58"/>
      <c r="F45" s="58"/>
      <c r="G45" s="58"/>
      <c r="H45" s="58"/>
      <c r="I45" s="59"/>
      <c r="J45" s="69"/>
      <c r="K45" s="70"/>
      <c r="L45" s="70"/>
      <c r="M45" s="70"/>
      <c r="N45" s="70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0"/>
      <c r="Z45" s="70"/>
      <c r="AA45" s="70"/>
      <c r="AB45" s="70"/>
      <c r="AC45" s="70"/>
      <c r="AD45" s="70"/>
      <c r="AE45" s="70"/>
      <c r="AF45" s="70"/>
      <c r="AG45" s="70"/>
      <c r="AH45" s="70"/>
      <c r="AI45" s="70"/>
      <c r="AJ45" s="70"/>
      <c r="AK45" s="71"/>
    </row>
    <row r="46" spans="2:37" s="2" customFormat="1" ht="19.5" customHeight="1" x14ac:dyDescent="0.15">
      <c r="B46" s="41" t="s">
        <v>27</v>
      </c>
      <c r="C46" s="41"/>
      <c r="D46" s="41"/>
      <c r="E46" s="41"/>
      <c r="F46" s="41"/>
      <c r="G46" s="41"/>
      <c r="H46" s="41"/>
      <c r="I46" s="41"/>
      <c r="J46" s="41"/>
      <c r="K46" s="41"/>
      <c r="L46" s="41"/>
      <c r="M46" s="41"/>
      <c r="N46" s="41"/>
      <c r="O46" s="41"/>
      <c r="P46" s="41"/>
      <c r="Q46" s="41"/>
      <c r="R46" s="41"/>
      <c r="S46" s="41"/>
      <c r="T46" s="41"/>
      <c r="U46" s="41"/>
      <c r="V46" s="41"/>
      <c r="W46" s="41"/>
      <c r="X46" s="41"/>
      <c r="Y46" s="41"/>
      <c r="Z46" s="41"/>
      <c r="AA46" s="41"/>
      <c r="AB46" s="41"/>
      <c r="AC46" s="41"/>
      <c r="AD46" s="41"/>
      <c r="AE46" s="41"/>
      <c r="AF46" s="41"/>
      <c r="AG46" s="41"/>
      <c r="AH46" s="41"/>
      <c r="AI46" s="41"/>
      <c r="AJ46" s="41"/>
      <c r="AK46" s="41"/>
    </row>
    <row r="47" spans="2:37" s="2" customFormat="1" ht="10.5" customHeight="1" x14ac:dyDescent="0.15">
      <c r="B47" s="42"/>
      <c r="C47" s="42"/>
      <c r="D47" s="42"/>
      <c r="E47" s="42"/>
      <c r="F47" s="42"/>
      <c r="G47" s="42"/>
      <c r="H47" s="42"/>
      <c r="I47" s="42"/>
      <c r="J47" s="42"/>
      <c r="K47" s="42"/>
      <c r="L47" s="42"/>
      <c r="M47" s="42"/>
      <c r="N47" s="42"/>
      <c r="O47" s="42"/>
      <c r="P47" s="42"/>
      <c r="Q47" s="42"/>
      <c r="R47" s="42"/>
      <c r="S47" s="42"/>
      <c r="T47" s="42"/>
      <c r="U47" s="42"/>
      <c r="V47" s="42"/>
      <c r="W47" s="42"/>
      <c r="X47" s="42"/>
      <c r="Y47" s="42"/>
      <c r="Z47" s="42"/>
      <c r="AA47" s="42"/>
      <c r="AB47" s="42"/>
      <c r="AC47" s="42"/>
      <c r="AD47" s="42"/>
      <c r="AE47" s="42"/>
      <c r="AF47" s="42"/>
      <c r="AG47" s="42"/>
      <c r="AH47" s="42"/>
      <c r="AI47" s="42"/>
      <c r="AJ47" s="42"/>
      <c r="AK47" s="42"/>
    </row>
    <row r="48" spans="2:37" s="2" customFormat="1" ht="9" customHeight="1" x14ac:dyDescent="0.15">
      <c r="B48" s="43" t="s">
        <v>51</v>
      </c>
      <c r="C48" s="43"/>
      <c r="D48" s="43"/>
      <c r="E48" s="43"/>
      <c r="F48" s="43"/>
      <c r="G48" s="42" t="s">
        <v>52</v>
      </c>
      <c r="H48" s="42"/>
      <c r="I48" s="42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  <c r="W48" s="42"/>
      <c r="X48" s="42"/>
      <c r="Y48" s="42"/>
      <c r="Z48" s="42"/>
      <c r="AA48" s="42"/>
      <c r="AB48" s="42"/>
      <c r="AC48" s="42"/>
      <c r="AD48" s="42"/>
      <c r="AE48" s="42"/>
      <c r="AF48" s="42"/>
      <c r="AG48" s="42"/>
      <c r="AH48" s="42"/>
      <c r="AI48" s="42"/>
      <c r="AJ48" s="42"/>
      <c r="AK48" s="42"/>
    </row>
    <row r="49" spans="2:37" s="2" customFormat="1" ht="9" customHeight="1" x14ac:dyDescent="0.15">
      <c r="B49" s="43"/>
      <c r="C49" s="43"/>
      <c r="D49" s="43"/>
      <c r="E49" s="43"/>
      <c r="F49" s="43"/>
      <c r="G49" s="42"/>
      <c r="H49" s="42"/>
      <c r="I49" s="42"/>
      <c r="J49" s="42"/>
      <c r="K49" s="42"/>
      <c r="L49" s="42"/>
      <c r="M49" s="42"/>
      <c r="N49" s="42"/>
      <c r="O49" s="42"/>
      <c r="P49" s="42"/>
      <c r="Q49" s="42"/>
      <c r="R49" s="42"/>
      <c r="S49" s="42"/>
      <c r="T49" s="42"/>
      <c r="U49" s="42"/>
      <c r="V49" s="42"/>
      <c r="W49" s="42"/>
      <c r="X49" s="42"/>
      <c r="Y49" s="42"/>
      <c r="Z49" s="42"/>
      <c r="AA49" s="42"/>
      <c r="AB49" s="42"/>
      <c r="AC49" s="42"/>
      <c r="AD49" s="42"/>
      <c r="AE49" s="42"/>
      <c r="AF49" s="42"/>
      <c r="AG49" s="42"/>
      <c r="AH49" s="42"/>
      <c r="AI49" s="42"/>
      <c r="AJ49" s="42"/>
      <c r="AK49" s="42"/>
    </row>
    <row r="50" spans="2:37" s="2" customFormat="1" ht="9" customHeight="1" x14ac:dyDescent="0.15">
      <c r="B50" s="44" t="s">
        <v>28</v>
      </c>
      <c r="C50" s="44"/>
      <c r="D50" s="1"/>
      <c r="E50" s="1"/>
      <c r="F50" s="1"/>
      <c r="G50" s="45" t="s">
        <v>53</v>
      </c>
      <c r="H50" s="45"/>
      <c r="I50" s="45"/>
      <c r="J50" s="45"/>
      <c r="K50" s="45"/>
      <c r="L50" s="45"/>
      <c r="M50" s="45"/>
      <c r="N50" s="45"/>
      <c r="O50" s="45"/>
      <c r="P50" s="45"/>
      <c r="Q50" s="45"/>
      <c r="R50" s="45"/>
      <c r="S50" s="45"/>
      <c r="T50" s="45"/>
      <c r="U50" s="45"/>
      <c r="V50" s="45"/>
      <c r="W50" s="45"/>
      <c r="X50" s="45"/>
      <c r="Y50" s="45"/>
      <c r="Z50" s="45"/>
      <c r="AA50" s="45"/>
      <c r="AB50" s="45"/>
      <c r="AC50" s="45"/>
      <c r="AD50" s="45"/>
      <c r="AE50" s="45"/>
      <c r="AF50" s="45"/>
      <c r="AG50" s="45"/>
      <c r="AH50" s="45"/>
      <c r="AI50" s="45"/>
      <c r="AJ50" s="45"/>
      <c r="AK50" s="45"/>
    </row>
    <row r="51" spans="2:37" s="2" customFormat="1" ht="9" customHeight="1" x14ac:dyDescent="0.15">
      <c r="B51" s="5"/>
      <c r="C51" s="5"/>
      <c r="D51" s="18"/>
      <c r="E51" s="1"/>
      <c r="F51" s="1"/>
      <c r="G51" s="45"/>
      <c r="H51" s="45"/>
      <c r="I51" s="45"/>
      <c r="J51" s="45"/>
      <c r="K51" s="45"/>
      <c r="L51" s="45"/>
      <c r="M51" s="45"/>
      <c r="N51" s="45"/>
      <c r="O51" s="45"/>
      <c r="P51" s="45"/>
      <c r="Q51" s="45"/>
      <c r="R51" s="45"/>
      <c r="S51" s="45"/>
      <c r="T51" s="45"/>
      <c r="U51" s="45"/>
      <c r="V51" s="45"/>
      <c r="W51" s="45"/>
      <c r="X51" s="45"/>
      <c r="Y51" s="45"/>
      <c r="Z51" s="45"/>
      <c r="AA51" s="45"/>
      <c r="AB51" s="45"/>
      <c r="AC51" s="45"/>
      <c r="AD51" s="45"/>
      <c r="AE51" s="45"/>
      <c r="AF51" s="45"/>
      <c r="AG51" s="45"/>
      <c r="AH51" s="45"/>
      <c r="AI51" s="45"/>
      <c r="AJ51" s="45"/>
      <c r="AK51" s="45"/>
    </row>
    <row r="52" spans="2:37" ht="10.5" customHeight="1" x14ac:dyDescent="0.15">
      <c r="B52" s="42" t="s">
        <v>29</v>
      </c>
      <c r="C52" s="42"/>
      <c r="D52" s="42"/>
      <c r="E52" s="42"/>
      <c r="F52" s="42"/>
      <c r="G52" s="42"/>
      <c r="H52" s="42"/>
      <c r="I52" s="42"/>
      <c r="J52" s="42"/>
      <c r="K52" s="42"/>
      <c r="L52" s="42"/>
      <c r="M52" s="42"/>
      <c r="N52" s="42"/>
      <c r="O52" s="42"/>
      <c r="P52" s="42"/>
      <c r="Q52" s="42"/>
      <c r="R52" s="42"/>
      <c r="S52" s="42"/>
      <c r="T52" s="42"/>
      <c r="U52" s="42"/>
      <c r="V52" s="42"/>
      <c r="W52" s="42"/>
      <c r="X52" s="42"/>
      <c r="Y52" s="42"/>
      <c r="Z52" s="42"/>
      <c r="AA52" s="42"/>
      <c r="AB52" s="42"/>
      <c r="AC52" s="42"/>
      <c r="AD52" s="42"/>
      <c r="AE52" s="42"/>
      <c r="AF52" s="42"/>
      <c r="AG52" s="42"/>
      <c r="AH52" s="42"/>
      <c r="AI52" s="42"/>
      <c r="AJ52" s="42"/>
      <c r="AK52" s="42"/>
    </row>
    <row r="53" spans="2:37" ht="10.5" customHeight="1" x14ac:dyDescent="0.15">
      <c r="B53" s="42"/>
      <c r="C53" s="42"/>
      <c r="D53" s="42"/>
      <c r="E53" s="42"/>
      <c r="F53" s="42"/>
      <c r="G53" s="42"/>
      <c r="H53" s="42"/>
      <c r="I53" s="42"/>
      <c r="J53" s="42"/>
      <c r="K53" s="42"/>
      <c r="L53" s="42"/>
      <c r="M53" s="42"/>
      <c r="N53" s="42"/>
      <c r="O53" s="42"/>
      <c r="P53" s="42"/>
      <c r="Q53" s="42"/>
      <c r="R53" s="42"/>
      <c r="S53" s="42"/>
      <c r="T53" s="42"/>
      <c r="U53" s="42"/>
      <c r="V53" s="42"/>
      <c r="W53" s="42"/>
      <c r="X53" s="42"/>
      <c r="Y53" s="42"/>
      <c r="Z53" s="42"/>
      <c r="AA53" s="42"/>
      <c r="AB53" s="42"/>
      <c r="AC53" s="42"/>
      <c r="AD53" s="42"/>
      <c r="AE53" s="42"/>
      <c r="AF53" s="42"/>
      <c r="AG53" s="42"/>
      <c r="AH53" s="42"/>
      <c r="AI53" s="42"/>
      <c r="AJ53" s="42"/>
      <c r="AK53" s="42"/>
    </row>
    <row r="54" spans="2:37" ht="10.5" customHeight="1" x14ac:dyDescent="0.15">
      <c r="B54" s="40" t="s">
        <v>30</v>
      </c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  <c r="W54" s="40"/>
      <c r="X54" s="40"/>
      <c r="Y54" s="40"/>
      <c r="Z54" s="40"/>
      <c r="AA54" s="40"/>
      <c r="AB54" s="40"/>
      <c r="AC54" s="40"/>
      <c r="AD54" s="40"/>
      <c r="AE54" s="40"/>
      <c r="AF54" s="40"/>
      <c r="AG54" s="40"/>
      <c r="AH54" s="40"/>
      <c r="AI54" s="40"/>
      <c r="AJ54" s="40"/>
      <c r="AK54" s="40"/>
    </row>
    <row r="55" spans="2:37" ht="10.5" customHeight="1" x14ac:dyDescent="0.15">
      <c r="B55" s="40"/>
      <c r="C55" s="40"/>
      <c r="D55" s="40"/>
      <c r="E55" s="40"/>
      <c r="F55" s="40"/>
      <c r="G55" s="40"/>
      <c r="H55" s="40"/>
      <c r="I55" s="40"/>
      <c r="J55" s="40"/>
      <c r="K55" s="40"/>
      <c r="L55" s="40"/>
      <c r="M55" s="40"/>
      <c r="N55" s="40"/>
      <c r="O55" s="40"/>
      <c r="P55" s="40"/>
      <c r="Q55" s="40"/>
      <c r="R55" s="40"/>
      <c r="S55" s="40"/>
      <c r="T55" s="40"/>
      <c r="U55" s="40"/>
      <c r="V55" s="40"/>
      <c r="W55" s="40"/>
      <c r="X55" s="40"/>
      <c r="Y55" s="40"/>
      <c r="Z55" s="40"/>
      <c r="AA55" s="40"/>
      <c r="AB55" s="40"/>
      <c r="AC55" s="40"/>
      <c r="AD55" s="40"/>
      <c r="AE55" s="40"/>
      <c r="AF55" s="40"/>
      <c r="AG55" s="40"/>
      <c r="AH55" s="40"/>
      <c r="AI55" s="40"/>
      <c r="AJ55" s="40"/>
      <c r="AK55" s="40"/>
    </row>
    <row r="56" spans="2:37" ht="15" customHeight="1" x14ac:dyDescent="0.15"/>
    <row r="57" spans="2:37" ht="15" customHeight="1" x14ac:dyDescent="0.15"/>
    <row r="58" spans="2:37" ht="15" customHeight="1" x14ac:dyDescent="0.15"/>
    <row r="59" spans="2:37" ht="15" customHeight="1" x14ac:dyDescent="0.15"/>
    <row r="60" spans="2:37" ht="15" customHeight="1" x14ac:dyDescent="0.15"/>
    <row r="61" spans="2:37" ht="15" customHeight="1" x14ac:dyDescent="0.15"/>
    <row r="62" spans="2:37" ht="15" customHeight="1" x14ac:dyDescent="0.15"/>
    <row r="63" spans="2:37" ht="15" customHeight="1" x14ac:dyDescent="0.15"/>
    <row r="64" spans="2:37" ht="15" customHeight="1" x14ac:dyDescent="0.15"/>
    <row r="65" ht="15" customHeight="1" x14ac:dyDescent="0.15"/>
    <row r="66" ht="15" customHeight="1" x14ac:dyDescent="0.15"/>
    <row r="67" ht="15" customHeight="1" x14ac:dyDescent="0.15"/>
    <row r="68" ht="15" customHeight="1" x14ac:dyDescent="0.15"/>
    <row r="69" ht="15" customHeight="1" x14ac:dyDescent="0.15"/>
    <row r="70" ht="15" customHeight="1" x14ac:dyDescent="0.15"/>
    <row r="71" ht="15" customHeight="1" x14ac:dyDescent="0.15"/>
    <row r="72" ht="15" customHeight="1" x14ac:dyDescent="0.15"/>
    <row r="73" ht="15" customHeight="1" x14ac:dyDescent="0.15"/>
    <row r="74" ht="15" customHeight="1" x14ac:dyDescent="0.15"/>
    <row r="75" ht="15" customHeight="1" x14ac:dyDescent="0.15"/>
    <row r="76" ht="15" customHeight="1" x14ac:dyDescent="0.15"/>
    <row r="77" ht="15" customHeight="1" x14ac:dyDescent="0.15"/>
    <row r="78" ht="15" customHeight="1" x14ac:dyDescent="0.15"/>
    <row r="79" ht="15" customHeight="1" x14ac:dyDescent="0.15"/>
    <row r="80" ht="15" customHeight="1" x14ac:dyDescent="0.15"/>
    <row r="81" ht="15" customHeight="1" x14ac:dyDescent="0.15"/>
    <row r="82" ht="15" customHeight="1" x14ac:dyDescent="0.15"/>
    <row r="83" ht="15" customHeight="1" x14ac:dyDescent="0.15"/>
    <row r="84" ht="15" customHeight="1" x14ac:dyDescent="0.15"/>
    <row r="85" ht="15" customHeight="1" x14ac:dyDescent="0.15"/>
    <row r="86" ht="15" customHeight="1" x14ac:dyDescent="0.15"/>
    <row r="87" ht="15" customHeight="1" x14ac:dyDescent="0.15"/>
    <row r="88" ht="15" customHeight="1" x14ac:dyDescent="0.15"/>
    <row r="89" ht="15" customHeight="1" x14ac:dyDescent="0.15"/>
    <row r="90" ht="15" customHeight="1" x14ac:dyDescent="0.15"/>
    <row r="91" ht="15" customHeight="1" x14ac:dyDescent="0.15"/>
    <row r="92" ht="15" customHeight="1" x14ac:dyDescent="0.15"/>
    <row r="93" ht="15" customHeight="1" x14ac:dyDescent="0.15"/>
    <row r="94" ht="15" customHeight="1" x14ac:dyDescent="0.15"/>
    <row r="95" ht="15" customHeight="1" x14ac:dyDescent="0.15"/>
    <row r="96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5" customHeight="1" x14ac:dyDescent="0.15"/>
    <row r="102" ht="15" customHeight="1" x14ac:dyDescent="0.15"/>
    <row r="103" ht="15" customHeight="1" x14ac:dyDescent="0.15"/>
    <row r="104" ht="15" customHeight="1" x14ac:dyDescent="0.15"/>
    <row r="105" ht="15" customHeight="1" x14ac:dyDescent="0.15"/>
    <row r="106" ht="15" customHeight="1" x14ac:dyDescent="0.15"/>
    <row r="107" ht="15" customHeight="1" x14ac:dyDescent="0.15"/>
    <row r="108" ht="15" customHeight="1" x14ac:dyDescent="0.15"/>
    <row r="109" ht="15" customHeight="1" x14ac:dyDescent="0.15"/>
    <row r="110" ht="15" customHeight="1" x14ac:dyDescent="0.15"/>
    <row r="111" ht="15" customHeight="1" x14ac:dyDescent="0.15"/>
    <row r="112" ht="15" customHeight="1" x14ac:dyDescent="0.15"/>
    <row r="113" ht="15" customHeight="1" x14ac:dyDescent="0.15"/>
    <row r="114" ht="15" customHeight="1" x14ac:dyDescent="0.15"/>
    <row r="115" ht="15" customHeight="1" x14ac:dyDescent="0.15"/>
    <row r="116" ht="15" customHeight="1" x14ac:dyDescent="0.15"/>
    <row r="117" ht="15" customHeight="1" x14ac:dyDescent="0.15"/>
    <row r="118" ht="15" customHeight="1" x14ac:dyDescent="0.15"/>
    <row r="119" ht="15" customHeight="1" x14ac:dyDescent="0.15"/>
    <row r="120" ht="15" customHeight="1" x14ac:dyDescent="0.15"/>
    <row r="121" ht="15" customHeight="1" x14ac:dyDescent="0.15"/>
    <row r="122" ht="15" customHeight="1" x14ac:dyDescent="0.15"/>
    <row r="123" ht="15" customHeight="1" x14ac:dyDescent="0.15"/>
    <row r="124" ht="15" customHeight="1" x14ac:dyDescent="0.15"/>
    <row r="125" ht="15" customHeight="1" x14ac:dyDescent="0.15"/>
    <row r="126" ht="15" customHeight="1" x14ac:dyDescent="0.15"/>
    <row r="127" ht="15" customHeight="1" x14ac:dyDescent="0.15"/>
    <row r="128" ht="15" customHeight="1" x14ac:dyDescent="0.15"/>
    <row r="129" ht="15" customHeight="1" x14ac:dyDescent="0.15"/>
    <row r="130" ht="15" customHeight="1" x14ac:dyDescent="0.15"/>
    <row r="131" ht="15" customHeight="1" x14ac:dyDescent="0.15"/>
    <row r="132" ht="15" customHeight="1" x14ac:dyDescent="0.15"/>
    <row r="133" ht="15" customHeight="1" x14ac:dyDescent="0.15"/>
    <row r="134" ht="15" customHeight="1" x14ac:dyDescent="0.15"/>
    <row r="135" ht="15" customHeight="1" x14ac:dyDescent="0.15"/>
    <row r="136" ht="15" customHeight="1" x14ac:dyDescent="0.15"/>
    <row r="137" ht="15" customHeight="1" x14ac:dyDescent="0.15"/>
    <row r="138" ht="15" customHeight="1" x14ac:dyDescent="0.15"/>
    <row r="139" ht="15" customHeight="1" x14ac:dyDescent="0.15"/>
    <row r="140" ht="15" customHeight="1" x14ac:dyDescent="0.15"/>
    <row r="141" ht="15" customHeight="1" x14ac:dyDescent="0.15"/>
    <row r="142" ht="15" customHeight="1" x14ac:dyDescent="0.15"/>
    <row r="143" ht="15" customHeight="1" x14ac:dyDescent="0.15"/>
    <row r="144" ht="15" customHeight="1" x14ac:dyDescent="0.15"/>
    <row r="145" ht="15" customHeight="1" x14ac:dyDescent="0.15"/>
    <row r="146" ht="15" customHeight="1" x14ac:dyDescent="0.15"/>
    <row r="147" ht="15" customHeight="1" x14ac:dyDescent="0.15"/>
    <row r="148" ht="15" customHeight="1" x14ac:dyDescent="0.15"/>
    <row r="149" ht="15" customHeight="1" x14ac:dyDescent="0.15"/>
    <row r="150" ht="15" customHeight="1" x14ac:dyDescent="0.15"/>
    <row r="151" ht="15" customHeight="1" x14ac:dyDescent="0.15"/>
    <row r="152" ht="15" customHeight="1" x14ac:dyDescent="0.15"/>
    <row r="153" ht="15" customHeight="1" x14ac:dyDescent="0.15"/>
    <row r="154" ht="15" customHeight="1" x14ac:dyDescent="0.15"/>
    <row r="155" ht="15" customHeight="1" x14ac:dyDescent="0.15"/>
    <row r="156" ht="15" customHeight="1" x14ac:dyDescent="0.15"/>
    <row r="157" ht="15" customHeight="1" x14ac:dyDescent="0.15"/>
    <row r="158" ht="15" customHeight="1" x14ac:dyDescent="0.15"/>
    <row r="159" ht="15" customHeight="1" x14ac:dyDescent="0.15"/>
    <row r="160" ht="15" customHeight="1" x14ac:dyDescent="0.15"/>
    <row r="161" ht="15" customHeight="1" x14ac:dyDescent="0.15"/>
    <row r="162" ht="15" customHeight="1" x14ac:dyDescent="0.15"/>
    <row r="163" ht="15" customHeight="1" x14ac:dyDescent="0.15"/>
    <row r="164" ht="15" customHeight="1" x14ac:dyDescent="0.15"/>
    <row r="165" ht="15" customHeight="1" x14ac:dyDescent="0.15"/>
    <row r="166" ht="15" customHeight="1" x14ac:dyDescent="0.15"/>
    <row r="167" ht="15" customHeight="1" x14ac:dyDescent="0.15"/>
    <row r="168" ht="15" customHeight="1" x14ac:dyDescent="0.15"/>
    <row r="169" ht="15" customHeight="1" x14ac:dyDescent="0.15"/>
    <row r="170" ht="15" customHeight="1" x14ac:dyDescent="0.15"/>
    <row r="171" ht="15" customHeight="1" x14ac:dyDescent="0.15"/>
    <row r="172" ht="15" customHeight="1" x14ac:dyDescent="0.15"/>
    <row r="173" ht="15" customHeight="1" x14ac:dyDescent="0.15"/>
    <row r="174" ht="15" customHeight="1" x14ac:dyDescent="0.15"/>
    <row r="175" ht="15" customHeight="1" x14ac:dyDescent="0.15"/>
    <row r="176" ht="15" customHeight="1" x14ac:dyDescent="0.15"/>
    <row r="177" ht="15" customHeight="1" x14ac:dyDescent="0.15"/>
    <row r="178" ht="15" customHeight="1" x14ac:dyDescent="0.15"/>
    <row r="179" ht="15" customHeight="1" x14ac:dyDescent="0.15"/>
    <row r="180" ht="15" customHeight="1" x14ac:dyDescent="0.15"/>
    <row r="181" ht="15" customHeight="1" x14ac:dyDescent="0.15"/>
    <row r="182" ht="15" customHeight="1" x14ac:dyDescent="0.15"/>
    <row r="183" ht="15" customHeight="1" x14ac:dyDescent="0.15"/>
    <row r="184" ht="15" customHeight="1" x14ac:dyDescent="0.15"/>
    <row r="185" ht="15" customHeight="1" x14ac:dyDescent="0.15"/>
    <row r="186" ht="15" customHeight="1" x14ac:dyDescent="0.15"/>
    <row r="187" ht="15" customHeight="1" x14ac:dyDescent="0.15"/>
    <row r="188" ht="15" customHeight="1" x14ac:dyDescent="0.15"/>
    <row r="189" ht="15" customHeight="1" x14ac:dyDescent="0.15"/>
    <row r="190" ht="15" customHeight="1" x14ac:dyDescent="0.15"/>
    <row r="191" ht="15" customHeight="1" x14ac:dyDescent="0.15"/>
    <row r="192" ht="15" customHeight="1" x14ac:dyDescent="0.15"/>
    <row r="193" ht="15" customHeight="1" x14ac:dyDescent="0.15"/>
    <row r="194" ht="15" customHeight="1" x14ac:dyDescent="0.15"/>
    <row r="195" ht="15" customHeight="1" x14ac:dyDescent="0.15"/>
    <row r="196" ht="15" customHeight="1" x14ac:dyDescent="0.15"/>
    <row r="197" ht="15" customHeight="1" x14ac:dyDescent="0.15"/>
    <row r="198" ht="15" customHeight="1" x14ac:dyDescent="0.15"/>
    <row r="199" ht="15" customHeight="1" x14ac:dyDescent="0.15"/>
    <row r="200" ht="15" customHeight="1" x14ac:dyDescent="0.15"/>
    <row r="201" ht="15" customHeight="1" x14ac:dyDescent="0.15"/>
    <row r="202" ht="15" customHeight="1" x14ac:dyDescent="0.15"/>
    <row r="203" ht="15" customHeight="1" x14ac:dyDescent="0.15"/>
    <row r="204" ht="15" customHeight="1" x14ac:dyDescent="0.15"/>
    <row r="205" ht="15" customHeight="1" x14ac:dyDescent="0.15"/>
    <row r="206" ht="15" customHeight="1" x14ac:dyDescent="0.15"/>
    <row r="207" ht="15" customHeight="1" x14ac:dyDescent="0.15"/>
    <row r="208" ht="15" customHeight="1" x14ac:dyDescent="0.15"/>
    <row r="209" ht="15" customHeight="1" x14ac:dyDescent="0.15"/>
    <row r="210" ht="15" customHeight="1" x14ac:dyDescent="0.15"/>
    <row r="211" ht="15" customHeight="1" x14ac:dyDescent="0.15"/>
    <row r="212" ht="15" customHeight="1" x14ac:dyDescent="0.15"/>
    <row r="213" ht="15" customHeight="1" x14ac:dyDescent="0.15"/>
    <row r="214" ht="15" customHeight="1" x14ac:dyDescent="0.15"/>
    <row r="215" ht="15" customHeight="1" x14ac:dyDescent="0.15"/>
    <row r="216" ht="15" customHeight="1" x14ac:dyDescent="0.15"/>
    <row r="217" ht="15" customHeight="1" x14ac:dyDescent="0.15"/>
    <row r="218" ht="15" customHeight="1" x14ac:dyDescent="0.15"/>
    <row r="219" ht="15" customHeight="1" x14ac:dyDescent="0.15"/>
    <row r="220" ht="15" customHeight="1" x14ac:dyDescent="0.15"/>
    <row r="221" ht="15" customHeight="1" x14ac:dyDescent="0.15"/>
    <row r="222" ht="15" customHeight="1" x14ac:dyDescent="0.15"/>
    <row r="223" ht="15" customHeight="1" x14ac:dyDescent="0.15"/>
    <row r="224" ht="15" customHeight="1" x14ac:dyDescent="0.15"/>
    <row r="225" ht="15" customHeight="1" x14ac:dyDescent="0.15"/>
    <row r="226" ht="15" customHeight="1" x14ac:dyDescent="0.15"/>
    <row r="227" ht="15" customHeight="1" x14ac:dyDescent="0.15"/>
    <row r="228" ht="15" customHeight="1" x14ac:dyDescent="0.15"/>
    <row r="229" ht="15" customHeight="1" x14ac:dyDescent="0.15"/>
    <row r="230" ht="15" customHeight="1" x14ac:dyDescent="0.15"/>
    <row r="231" ht="15" customHeight="1" x14ac:dyDescent="0.15"/>
    <row r="232" ht="15" customHeight="1" x14ac:dyDescent="0.15"/>
    <row r="233" ht="15" customHeight="1" x14ac:dyDescent="0.15"/>
    <row r="234" ht="15" customHeight="1" x14ac:dyDescent="0.15"/>
    <row r="235" ht="15" customHeight="1" x14ac:dyDescent="0.15"/>
    <row r="236" ht="15" customHeight="1" x14ac:dyDescent="0.15"/>
    <row r="237" ht="15" customHeight="1" x14ac:dyDescent="0.15"/>
    <row r="238" ht="15" customHeight="1" x14ac:dyDescent="0.15"/>
    <row r="239" ht="15" customHeight="1" x14ac:dyDescent="0.15"/>
    <row r="240" ht="15" customHeight="1" x14ac:dyDescent="0.15"/>
    <row r="241" ht="15" customHeight="1" x14ac:dyDescent="0.15"/>
    <row r="242" ht="15" customHeight="1" x14ac:dyDescent="0.15"/>
    <row r="243" ht="15" customHeight="1" x14ac:dyDescent="0.15"/>
    <row r="244" ht="15" customHeight="1" x14ac:dyDescent="0.15"/>
    <row r="245" ht="15" customHeight="1" x14ac:dyDescent="0.15"/>
    <row r="246" ht="15" customHeight="1" x14ac:dyDescent="0.15"/>
    <row r="247" ht="15" customHeight="1" x14ac:dyDescent="0.15"/>
    <row r="248" ht="15" customHeight="1" x14ac:dyDescent="0.15"/>
    <row r="249" ht="15" customHeight="1" x14ac:dyDescent="0.15"/>
    <row r="250" ht="15" customHeight="1" x14ac:dyDescent="0.15"/>
    <row r="251" ht="15" customHeight="1" x14ac:dyDescent="0.15"/>
    <row r="252" ht="15" customHeight="1" x14ac:dyDescent="0.15"/>
    <row r="253" ht="15" customHeight="1" x14ac:dyDescent="0.15"/>
    <row r="254" ht="15" customHeight="1" x14ac:dyDescent="0.15"/>
    <row r="255" ht="15" customHeight="1" x14ac:dyDescent="0.15"/>
    <row r="256" ht="15" customHeight="1" x14ac:dyDescent="0.15"/>
    <row r="257" ht="15" customHeight="1" x14ac:dyDescent="0.15"/>
    <row r="258" ht="15" customHeight="1" x14ac:dyDescent="0.15"/>
    <row r="259" ht="15" customHeight="1" x14ac:dyDescent="0.15"/>
    <row r="260" ht="15" customHeight="1" x14ac:dyDescent="0.15"/>
    <row r="261" ht="15" customHeight="1" x14ac:dyDescent="0.15"/>
    <row r="262" ht="15" customHeight="1" x14ac:dyDescent="0.15"/>
    <row r="263" ht="15" customHeight="1" x14ac:dyDescent="0.15"/>
    <row r="264" ht="15" customHeight="1" x14ac:dyDescent="0.15"/>
    <row r="265" ht="15" customHeight="1" x14ac:dyDescent="0.15"/>
    <row r="266" ht="15" customHeight="1" x14ac:dyDescent="0.15"/>
    <row r="267" ht="15" customHeight="1" x14ac:dyDescent="0.15"/>
    <row r="268" ht="15" customHeight="1" x14ac:dyDescent="0.15"/>
    <row r="269" ht="15" customHeight="1" x14ac:dyDescent="0.15"/>
    <row r="270" ht="15" customHeight="1" x14ac:dyDescent="0.15"/>
    <row r="271" ht="15" customHeight="1" x14ac:dyDescent="0.15"/>
    <row r="272" ht="15" customHeight="1" x14ac:dyDescent="0.15"/>
    <row r="273" ht="15" customHeight="1" x14ac:dyDescent="0.15"/>
    <row r="274" ht="15" customHeight="1" x14ac:dyDescent="0.15"/>
    <row r="275" ht="15" customHeight="1" x14ac:dyDescent="0.15"/>
    <row r="276" ht="15" customHeight="1" x14ac:dyDescent="0.15"/>
    <row r="277" ht="15" customHeight="1" x14ac:dyDescent="0.15"/>
    <row r="278" ht="15" customHeight="1" x14ac:dyDescent="0.15"/>
    <row r="279" ht="15" customHeight="1" x14ac:dyDescent="0.15"/>
    <row r="280" ht="15" customHeight="1" x14ac:dyDescent="0.15"/>
    <row r="281" ht="15" customHeight="1" x14ac:dyDescent="0.15"/>
    <row r="282" ht="15" customHeight="1" x14ac:dyDescent="0.15"/>
    <row r="283" ht="15" customHeight="1" x14ac:dyDescent="0.15"/>
    <row r="284" ht="15" customHeight="1" x14ac:dyDescent="0.15"/>
    <row r="285" ht="15" customHeight="1" x14ac:dyDescent="0.15"/>
    <row r="286" ht="15" customHeight="1" x14ac:dyDescent="0.15"/>
    <row r="287" ht="15" customHeight="1" x14ac:dyDescent="0.15"/>
    <row r="288" ht="15" customHeight="1" x14ac:dyDescent="0.15"/>
    <row r="289" ht="15" customHeight="1" x14ac:dyDescent="0.15"/>
    <row r="290" ht="15" customHeight="1" x14ac:dyDescent="0.15"/>
    <row r="291" ht="15" customHeight="1" x14ac:dyDescent="0.15"/>
    <row r="292" ht="15" customHeight="1" x14ac:dyDescent="0.15"/>
    <row r="293" ht="15" customHeight="1" x14ac:dyDescent="0.15"/>
    <row r="294" ht="15" customHeight="1" x14ac:dyDescent="0.15"/>
    <row r="295" ht="15" customHeight="1" x14ac:dyDescent="0.15"/>
    <row r="296" ht="15" customHeight="1" x14ac:dyDescent="0.15"/>
    <row r="297" ht="15" customHeight="1" x14ac:dyDescent="0.15"/>
    <row r="298" ht="15" customHeight="1" x14ac:dyDescent="0.15"/>
    <row r="299" ht="15" customHeight="1" x14ac:dyDescent="0.15"/>
    <row r="300" ht="15" customHeight="1" x14ac:dyDescent="0.15"/>
    <row r="301" ht="15" customHeight="1" x14ac:dyDescent="0.15"/>
    <row r="302" ht="15" customHeight="1" x14ac:dyDescent="0.15"/>
    <row r="303" ht="15" customHeight="1" x14ac:dyDescent="0.15"/>
    <row r="304" ht="15" customHeight="1" x14ac:dyDescent="0.15"/>
    <row r="305" ht="15" customHeight="1" x14ac:dyDescent="0.15"/>
    <row r="306" ht="15" customHeight="1" x14ac:dyDescent="0.15"/>
    <row r="307" ht="15" customHeight="1" x14ac:dyDescent="0.15"/>
    <row r="308" ht="15" customHeight="1" x14ac:dyDescent="0.15"/>
    <row r="309" ht="15" customHeight="1" x14ac:dyDescent="0.15"/>
    <row r="310" ht="15" customHeight="1" x14ac:dyDescent="0.15"/>
    <row r="311" ht="15" customHeight="1" x14ac:dyDescent="0.15"/>
    <row r="312" ht="15" customHeight="1" x14ac:dyDescent="0.15"/>
    <row r="313" ht="15" customHeight="1" x14ac:dyDescent="0.15"/>
    <row r="314" ht="15" customHeight="1" x14ac:dyDescent="0.15"/>
    <row r="315" ht="15" customHeight="1" x14ac:dyDescent="0.15"/>
    <row r="316" ht="15" customHeight="1" x14ac:dyDescent="0.15"/>
    <row r="317" ht="15" customHeight="1" x14ac:dyDescent="0.15"/>
    <row r="318" ht="15" customHeight="1" x14ac:dyDescent="0.15"/>
    <row r="319" ht="15" customHeight="1" x14ac:dyDescent="0.15"/>
    <row r="320" ht="15" customHeight="1" x14ac:dyDescent="0.15"/>
    <row r="321" ht="15" customHeight="1" x14ac:dyDescent="0.15"/>
    <row r="322" ht="15" customHeight="1" x14ac:dyDescent="0.15"/>
    <row r="323" ht="15" customHeight="1" x14ac:dyDescent="0.15"/>
    <row r="324" ht="15" customHeight="1" x14ac:dyDescent="0.15"/>
    <row r="325" ht="15" customHeight="1" x14ac:dyDescent="0.15"/>
    <row r="326" ht="15" customHeight="1" x14ac:dyDescent="0.15"/>
    <row r="327" ht="15" customHeight="1" x14ac:dyDescent="0.15"/>
    <row r="328" ht="15" customHeight="1" x14ac:dyDescent="0.15"/>
    <row r="329" ht="15" customHeight="1" x14ac:dyDescent="0.15"/>
    <row r="330" ht="15" customHeight="1" x14ac:dyDescent="0.15"/>
    <row r="331" ht="15" customHeight="1" x14ac:dyDescent="0.15"/>
    <row r="332" ht="15" customHeight="1" x14ac:dyDescent="0.15"/>
    <row r="333" ht="15" customHeight="1" x14ac:dyDescent="0.15"/>
    <row r="334" ht="15" customHeight="1" x14ac:dyDescent="0.15"/>
    <row r="335" ht="15" customHeight="1" x14ac:dyDescent="0.15"/>
    <row r="336" ht="15" customHeight="1" x14ac:dyDescent="0.15"/>
    <row r="337" ht="15" customHeight="1" x14ac:dyDescent="0.15"/>
    <row r="338" ht="15" customHeight="1" x14ac:dyDescent="0.15"/>
    <row r="339" ht="15" customHeight="1" x14ac:dyDescent="0.15"/>
    <row r="340" ht="15" customHeight="1" x14ac:dyDescent="0.15"/>
    <row r="341" ht="15" customHeight="1" x14ac:dyDescent="0.15"/>
    <row r="342" ht="15" customHeight="1" x14ac:dyDescent="0.15"/>
    <row r="343" ht="15" customHeight="1" x14ac:dyDescent="0.15"/>
    <row r="344" ht="15" customHeight="1" x14ac:dyDescent="0.15"/>
    <row r="345" ht="15" customHeight="1" x14ac:dyDescent="0.15"/>
    <row r="346" ht="15" customHeight="1" x14ac:dyDescent="0.15"/>
    <row r="347" ht="15" customHeight="1" x14ac:dyDescent="0.15"/>
    <row r="348" ht="15" customHeight="1" x14ac:dyDescent="0.15"/>
    <row r="349" ht="15" customHeight="1" x14ac:dyDescent="0.15"/>
    <row r="350" ht="15" customHeight="1" x14ac:dyDescent="0.15"/>
    <row r="351" ht="15" customHeight="1" x14ac:dyDescent="0.15"/>
    <row r="352" ht="15" customHeight="1" x14ac:dyDescent="0.15"/>
    <row r="353" ht="15" customHeight="1" x14ac:dyDescent="0.15"/>
    <row r="354" ht="15" customHeight="1" x14ac:dyDescent="0.15"/>
    <row r="355" ht="15" customHeight="1" x14ac:dyDescent="0.15"/>
    <row r="356" ht="15" customHeight="1" x14ac:dyDescent="0.15"/>
    <row r="357" ht="15" customHeight="1" x14ac:dyDescent="0.15"/>
    <row r="358" ht="15" customHeight="1" x14ac:dyDescent="0.15"/>
    <row r="359" ht="15" customHeight="1" x14ac:dyDescent="0.15"/>
    <row r="360" ht="15" customHeight="1" x14ac:dyDescent="0.15"/>
    <row r="361" ht="15" customHeight="1" x14ac:dyDescent="0.15"/>
    <row r="362" ht="15" customHeight="1" x14ac:dyDescent="0.15"/>
    <row r="363" ht="15" customHeight="1" x14ac:dyDescent="0.15"/>
    <row r="364" ht="15" customHeight="1" x14ac:dyDescent="0.15"/>
    <row r="365" ht="15" customHeight="1" x14ac:dyDescent="0.15"/>
    <row r="366" ht="15" customHeight="1" x14ac:dyDescent="0.15"/>
    <row r="367" ht="15" customHeight="1" x14ac:dyDescent="0.15"/>
    <row r="368" ht="15" customHeight="1" x14ac:dyDescent="0.15"/>
    <row r="369" ht="15" customHeight="1" x14ac:dyDescent="0.15"/>
    <row r="370" ht="15" customHeight="1" x14ac:dyDescent="0.15"/>
    <row r="371" ht="15" customHeight="1" x14ac:dyDescent="0.15"/>
    <row r="372" ht="15" customHeight="1" x14ac:dyDescent="0.15"/>
    <row r="373" ht="15" customHeight="1" x14ac:dyDescent="0.15"/>
    <row r="374" ht="15" customHeight="1" x14ac:dyDescent="0.15"/>
    <row r="375" ht="15" customHeight="1" x14ac:dyDescent="0.15"/>
    <row r="376" ht="15" customHeight="1" x14ac:dyDescent="0.15"/>
    <row r="377" ht="15" customHeight="1" x14ac:dyDescent="0.15"/>
    <row r="378" ht="15" customHeight="1" x14ac:dyDescent="0.15"/>
    <row r="379" ht="15" customHeight="1" x14ac:dyDescent="0.15"/>
    <row r="380" ht="15" customHeight="1" x14ac:dyDescent="0.15"/>
    <row r="381" ht="15" customHeight="1" x14ac:dyDescent="0.15"/>
    <row r="382" ht="15" customHeight="1" x14ac:dyDescent="0.15"/>
    <row r="383" ht="15" customHeight="1" x14ac:dyDescent="0.15"/>
    <row r="384" ht="15" customHeight="1" x14ac:dyDescent="0.15"/>
    <row r="385" ht="15" customHeight="1" x14ac:dyDescent="0.15"/>
    <row r="386" ht="15" customHeight="1" x14ac:dyDescent="0.15"/>
    <row r="387" ht="15" customHeight="1" x14ac:dyDescent="0.15"/>
    <row r="388" ht="15" customHeight="1" x14ac:dyDescent="0.15"/>
    <row r="389" ht="15" customHeight="1" x14ac:dyDescent="0.15"/>
    <row r="390" ht="15" customHeight="1" x14ac:dyDescent="0.15"/>
    <row r="391" ht="15" customHeight="1" x14ac:dyDescent="0.15"/>
    <row r="392" ht="15" customHeight="1" x14ac:dyDescent="0.15"/>
    <row r="393" ht="15" customHeight="1" x14ac:dyDescent="0.15"/>
    <row r="394" ht="15" customHeight="1" x14ac:dyDescent="0.15"/>
    <row r="395" ht="15" customHeight="1" x14ac:dyDescent="0.15"/>
    <row r="396" ht="15" customHeight="1" x14ac:dyDescent="0.15"/>
    <row r="397" ht="15" customHeight="1" x14ac:dyDescent="0.15"/>
    <row r="398" ht="15" customHeight="1" x14ac:dyDescent="0.15"/>
    <row r="399" ht="15" customHeight="1" x14ac:dyDescent="0.15"/>
    <row r="400" ht="15" customHeight="1" x14ac:dyDescent="0.15"/>
    <row r="401" ht="15" customHeight="1" x14ac:dyDescent="0.15"/>
    <row r="402" ht="15" customHeight="1" x14ac:dyDescent="0.15"/>
    <row r="403" ht="15" customHeight="1" x14ac:dyDescent="0.15"/>
    <row r="404" ht="15" customHeight="1" x14ac:dyDescent="0.15"/>
    <row r="405" ht="15" customHeight="1" x14ac:dyDescent="0.15"/>
    <row r="406" ht="15" customHeight="1" x14ac:dyDescent="0.15"/>
    <row r="407" ht="15" customHeight="1" x14ac:dyDescent="0.15"/>
    <row r="408" ht="15" customHeight="1" x14ac:dyDescent="0.15"/>
    <row r="409" ht="15" customHeight="1" x14ac:dyDescent="0.15"/>
    <row r="410" ht="15" customHeight="1" x14ac:dyDescent="0.15"/>
    <row r="411" ht="15" customHeight="1" x14ac:dyDescent="0.15"/>
    <row r="412" ht="15" customHeight="1" x14ac:dyDescent="0.15"/>
    <row r="413" ht="15" customHeight="1" x14ac:dyDescent="0.15"/>
    <row r="414" ht="15" customHeight="1" x14ac:dyDescent="0.15"/>
    <row r="415" ht="15" customHeight="1" x14ac:dyDescent="0.15"/>
    <row r="416" ht="15" customHeight="1" x14ac:dyDescent="0.15"/>
    <row r="417" ht="15" customHeight="1" x14ac:dyDescent="0.15"/>
    <row r="418" ht="15" customHeight="1" x14ac:dyDescent="0.15"/>
    <row r="419" ht="15" customHeight="1" x14ac:dyDescent="0.15"/>
    <row r="420" ht="15" customHeight="1" x14ac:dyDescent="0.15"/>
    <row r="421" ht="15" customHeight="1" x14ac:dyDescent="0.15"/>
    <row r="422" ht="15" customHeight="1" x14ac:dyDescent="0.15"/>
    <row r="423" ht="15" customHeight="1" x14ac:dyDescent="0.15"/>
    <row r="424" ht="15" customHeight="1" x14ac:dyDescent="0.15"/>
    <row r="425" ht="15" customHeight="1" x14ac:dyDescent="0.15"/>
    <row r="426" ht="15" customHeight="1" x14ac:dyDescent="0.15"/>
    <row r="427" ht="15" customHeight="1" x14ac:dyDescent="0.15"/>
    <row r="428" ht="15" customHeight="1" x14ac:dyDescent="0.15"/>
    <row r="429" ht="15" customHeight="1" x14ac:dyDescent="0.15"/>
    <row r="430" ht="15" customHeight="1" x14ac:dyDescent="0.15"/>
    <row r="431" ht="15" customHeight="1" x14ac:dyDescent="0.15"/>
    <row r="432" ht="15" customHeight="1" x14ac:dyDescent="0.15"/>
    <row r="433" ht="15" customHeight="1" x14ac:dyDescent="0.15"/>
    <row r="434" ht="15" customHeight="1" x14ac:dyDescent="0.15"/>
    <row r="435" ht="15" customHeight="1" x14ac:dyDescent="0.15"/>
    <row r="436" ht="15" customHeight="1" x14ac:dyDescent="0.15"/>
    <row r="437" ht="15" customHeight="1" x14ac:dyDescent="0.15"/>
    <row r="438" ht="15" customHeight="1" x14ac:dyDescent="0.15"/>
    <row r="439" ht="15" customHeight="1" x14ac:dyDescent="0.15"/>
    <row r="440" ht="15" customHeight="1" x14ac:dyDescent="0.15"/>
    <row r="441" ht="15" customHeight="1" x14ac:dyDescent="0.15"/>
    <row r="442" ht="15" customHeight="1" x14ac:dyDescent="0.15"/>
    <row r="443" ht="15" customHeight="1" x14ac:dyDescent="0.15"/>
    <row r="444" ht="15" customHeight="1" x14ac:dyDescent="0.15"/>
    <row r="445" ht="15" customHeight="1" x14ac:dyDescent="0.15"/>
    <row r="446" ht="15" customHeight="1" x14ac:dyDescent="0.15"/>
    <row r="447" ht="15" customHeight="1" x14ac:dyDescent="0.15"/>
    <row r="448" ht="15" customHeight="1" x14ac:dyDescent="0.15"/>
    <row r="449" ht="15" customHeight="1" x14ac:dyDescent="0.15"/>
    <row r="450" ht="15" customHeight="1" x14ac:dyDescent="0.15"/>
    <row r="451" ht="15" customHeight="1" x14ac:dyDescent="0.15"/>
    <row r="452" ht="15" customHeight="1" x14ac:dyDescent="0.15"/>
    <row r="453" ht="15" customHeight="1" x14ac:dyDescent="0.15"/>
    <row r="454" ht="15" customHeight="1" x14ac:dyDescent="0.15"/>
    <row r="455" ht="15" customHeight="1" x14ac:dyDescent="0.15"/>
    <row r="456" ht="15" customHeight="1" x14ac:dyDescent="0.15"/>
    <row r="457" ht="15" customHeight="1" x14ac:dyDescent="0.15"/>
    <row r="458" ht="15" customHeight="1" x14ac:dyDescent="0.15"/>
    <row r="459" ht="15" customHeight="1" x14ac:dyDescent="0.15"/>
    <row r="460" ht="15" customHeight="1" x14ac:dyDescent="0.15"/>
    <row r="461" ht="15" customHeight="1" x14ac:dyDescent="0.15"/>
    <row r="462" ht="15" customHeight="1" x14ac:dyDescent="0.15"/>
    <row r="463" ht="15" customHeight="1" x14ac:dyDescent="0.15"/>
    <row r="464" ht="15" customHeight="1" x14ac:dyDescent="0.15"/>
    <row r="465" ht="15" customHeight="1" x14ac:dyDescent="0.15"/>
    <row r="466" ht="15" customHeight="1" x14ac:dyDescent="0.15"/>
    <row r="467" ht="15" customHeight="1" x14ac:dyDescent="0.15"/>
    <row r="468" ht="15" customHeight="1" x14ac:dyDescent="0.15"/>
    <row r="469" ht="15" customHeight="1" x14ac:dyDescent="0.15"/>
    <row r="470" ht="15" customHeight="1" x14ac:dyDescent="0.15"/>
    <row r="471" ht="15" customHeight="1" x14ac:dyDescent="0.15"/>
    <row r="472" ht="15" customHeight="1" x14ac:dyDescent="0.15"/>
    <row r="473" ht="15" customHeight="1" x14ac:dyDescent="0.15"/>
    <row r="474" ht="15" customHeight="1" x14ac:dyDescent="0.15"/>
    <row r="475" ht="15" customHeight="1" x14ac:dyDescent="0.15"/>
    <row r="476" ht="15" customHeight="1" x14ac:dyDescent="0.15"/>
    <row r="477" ht="15" customHeight="1" x14ac:dyDescent="0.15"/>
    <row r="478" ht="15" customHeight="1" x14ac:dyDescent="0.15"/>
    <row r="479" ht="15" customHeight="1" x14ac:dyDescent="0.15"/>
    <row r="480" ht="15" customHeight="1" x14ac:dyDescent="0.15"/>
    <row r="481" ht="15" customHeight="1" x14ac:dyDescent="0.15"/>
    <row r="482" ht="15" customHeight="1" x14ac:dyDescent="0.15"/>
    <row r="483" ht="15" customHeight="1" x14ac:dyDescent="0.15"/>
    <row r="484" ht="15" customHeight="1" x14ac:dyDescent="0.15"/>
    <row r="485" ht="15" customHeight="1" x14ac:dyDescent="0.15"/>
    <row r="486" ht="15" customHeight="1" x14ac:dyDescent="0.15"/>
    <row r="487" ht="15" customHeight="1" x14ac:dyDescent="0.15"/>
    <row r="488" ht="15" customHeight="1" x14ac:dyDescent="0.15"/>
    <row r="489" ht="15" customHeight="1" x14ac:dyDescent="0.15"/>
    <row r="490" ht="15" customHeight="1" x14ac:dyDescent="0.15"/>
    <row r="491" ht="15" customHeight="1" x14ac:dyDescent="0.15"/>
    <row r="492" ht="15" customHeight="1" x14ac:dyDescent="0.15"/>
    <row r="493" ht="15" customHeight="1" x14ac:dyDescent="0.15"/>
    <row r="494" ht="15" customHeight="1" x14ac:dyDescent="0.15"/>
    <row r="495" ht="15" customHeight="1" x14ac:dyDescent="0.15"/>
    <row r="496" ht="15" customHeight="1" x14ac:dyDescent="0.15"/>
    <row r="497" ht="15" customHeight="1" x14ac:dyDescent="0.15"/>
    <row r="498" ht="15" customHeight="1" x14ac:dyDescent="0.15"/>
    <row r="499" ht="15" customHeight="1" x14ac:dyDescent="0.15"/>
    <row r="500" ht="15" customHeight="1" x14ac:dyDescent="0.15"/>
    <row r="501" ht="15" customHeight="1" x14ac:dyDescent="0.15"/>
    <row r="502" ht="15" customHeight="1" x14ac:dyDescent="0.15"/>
    <row r="503" ht="15" customHeight="1" x14ac:dyDescent="0.15"/>
    <row r="504" ht="15" customHeight="1" x14ac:dyDescent="0.15"/>
    <row r="505" ht="15" customHeight="1" x14ac:dyDescent="0.15"/>
    <row r="506" ht="15" customHeight="1" x14ac:dyDescent="0.15"/>
    <row r="507" ht="15" customHeight="1" x14ac:dyDescent="0.15"/>
    <row r="508" ht="15" customHeight="1" x14ac:dyDescent="0.15"/>
    <row r="509" ht="15" customHeight="1" x14ac:dyDescent="0.15"/>
    <row r="510" ht="15" customHeight="1" x14ac:dyDescent="0.15"/>
    <row r="511" ht="15" customHeight="1" x14ac:dyDescent="0.15"/>
    <row r="512" ht="15" customHeight="1" x14ac:dyDescent="0.15"/>
    <row r="513" ht="15" customHeight="1" x14ac:dyDescent="0.15"/>
    <row r="514" ht="15" customHeight="1" x14ac:dyDescent="0.15"/>
    <row r="515" ht="15" customHeight="1" x14ac:dyDescent="0.15"/>
    <row r="516" ht="15" customHeight="1" x14ac:dyDescent="0.15"/>
    <row r="517" ht="15" customHeight="1" x14ac:dyDescent="0.15"/>
    <row r="518" ht="15" customHeight="1" x14ac:dyDescent="0.15"/>
    <row r="519" ht="15" customHeight="1" x14ac:dyDescent="0.15"/>
    <row r="520" ht="15" customHeight="1" x14ac:dyDescent="0.15"/>
    <row r="521" ht="15" customHeight="1" x14ac:dyDescent="0.15"/>
    <row r="522" ht="15" customHeight="1" x14ac:dyDescent="0.15"/>
    <row r="523" ht="15" customHeight="1" x14ac:dyDescent="0.15"/>
    <row r="524" ht="15" customHeight="1" x14ac:dyDescent="0.15"/>
    <row r="525" ht="15" customHeight="1" x14ac:dyDescent="0.15"/>
    <row r="526" ht="15" customHeight="1" x14ac:dyDescent="0.15"/>
    <row r="527" ht="15" customHeight="1" x14ac:dyDescent="0.15"/>
    <row r="528" ht="15" customHeight="1" x14ac:dyDescent="0.15"/>
    <row r="529" ht="15" customHeight="1" x14ac:dyDescent="0.15"/>
    <row r="530" ht="15" customHeight="1" x14ac:dyDescent="0.15"/>
    <row r="531" ht="15" customHeight="1" x14ac:dyDescent="0.15"/>
    <row r="532" ht="15" customHeight="1" x14ac:dyDescent="0.15"/>
    <row r="533" ht="15" customHeight="1" x14ac:dyDescent="0.15"/>
    <row r="534" ht="15" customHeight="1" x14ac:dyDescent="0.15"/>
    <row r="535" ht="15" customHeight="1" x14ac:dyDescent="0.15"/>
    <row r="536" ht="15" customHeight="1" x14ac:dyDescent="0.15"/>
    <row r="537" ht="15" customHeight="1" x14ac:dyDescent="0.15"/>
    <row r="538" ht="15" customHeight="1" x14ac:dyDescent="0.15"/>
    <row r="539" ht="15" customHeight="1" x14ac:dyDescent="0.15"/>
    <row r="540" ht="15" customHeight="1" x14ac:dyDescent="0.15"/>
    <row r="541" ht="15" customHeight="1" x14ac:dyDescent="0.15"/>
    <row r="542" ht="15" customHeight="1" x14ac:dyDescent="0.15"/>
    <row r="543" ht="15" customHeight="1" x14ac:dyDescent="0.15"/>
    <row r="544" ht="15" customHeight="1" x14ac:dyDescent="0.15"/>
    <row r="545" ht="15" customHeight="1" x14ac:dyDescent="0.15"/>
    <row r="546" ht="15" customHeight="1" x14ac:dyDescent="0.15"/>
    <row r="547" ht="15" customHeight="1" x14ac:dyDescent="0.15"/>
    <row r="548" ht="15" customHeight="1" x14ac:dyDescent="0.15"/>
    <row r="549" ht="15" customHeight="1" x14ac:dyDescent="0.15"/>
    <row r="550" ht="15" customHeight="1" x14ac:dyDescent="0.15"/>
    <row r="551" ht="15" customHeight="1" x14ac:dyDescent="0.15"/>
    <row r="552" ht="15" customHeight="1" x14ac:dyDescent="0.15"/>
    <row r="553" ht="15" customHeight="1" x14ac:dyDescent="0.15"/>
    <row r="554" ht="15" customHeight="1" x14ac:dyDescent="0.15"/>
    <row r="555" ht="15" customHeight="1" x14ac:dyDescent="0.15"/>
    <row r="556" ht="15" customHeight="1" x14ac:dyDescent="0.15"/>
    <row r="557" ht="15" customHeight="1" x14ac:dyDescent="0.15"/>
    <row r="558" ht="15" customHeight="1" x14ac:dyDescent="0.15"/>
    <row r="559" ht="15" customHeight="1" x14ac:dyDescent="0.15"/>
    <row r="560" ht="15" customHeight="1" x14ac:dyDescent="0.15"/>
    <row r="561" ht="15" customHeight="1" x14ac:dyDescent="0.15"/>
    <row r="562" ht="15" customHeight="1" x14ac:dyDescent="0.15"/>
    <row r="563" ht="15" customHeight="1" x14ac:dyDescent="0.15"/>
    <row r="564" ht="15" customHeight="1" x14ac:dyDescent="0.15"/>
    <row r="565" ht="15" customHeight="1" x14ac:dyDescent="0.15"/>
    <row r="566" ht="15" customHeight="1" x14ac:dyDescent="0.15"/>
    <row r="567" ht="15" customHeight="1" x14ac:dyDescent="0.15"/>
    <row r="568" ht="15" customHeight="1" x14ac:dyDescent="0.15"/>
    <row r="569" ht="15" customHeight="1" x14ac:dyDescent="0.15"/>
    <row r="570" ht="15" customHeight="1" x14ac:dyDescent="0.15"/>
    <row r="571" ht="15" customHeight="1" x14ac:dyDescent="0.15"/>
    <row r="572" ht="15" customHeight="1" x14ac:dyDescent="0.15"/>
    <row r="573" ht="15" customHeight="1" x14ac:dyDescent="0.15"/>
    <row r="574" ht="15" customHeight="1" x14ac:dyDescent="0.15"/>
    <row r="575" ht="15" customHeight="1" x14ac:dyDescent="0.15"/>
    <row r="576" ht="15" customHeight="1" x14ac:dyDescent="0.15"/>
    <row r="577" ht="15" customHeight="1" x14ac:dyDescent="0.15"/>
    <row r="578" ht="15" customHeight="1" x14ac:dyDescent="0.15"/>
    <row r="579" ht="15" customHeight="1" x14ac:dyDescent="0.15"/>
    <row r="580" ht="15" customHeight="1" x14ac:dyDescent="0.15"/>
    <row r="581" ht="15" customHeight="1" x14ac:dyDescent="0.15"/>
    <row r="582" ht="15" customHeight="1" x14ac:dyDescent="0.15"/>
    <row r="583" ht="15" customHeight="1" x14ac:dyDescent="0.15"/>
    <row r="584" ht="15" customHeight="1" x14ac:dyDescent="0.15"/>
    <row r="585" ht="15" customHeight="1" x14ac:dyDescent="0.15"/>
    <row r="586" ht="15" customHeight="1" x14ac:dyDescent="0.15"/>
    <row r="587" ht="15" customHeight="1" x14ac:dyDescent="0.15"/>
    <row r="588" ht="15" customHeight="1" x14ac:dyDescent="0.15"/>
    <row r="589" ht="15" customHeight="1" x14ac:dyDescent="0.15"/>
    <row r="590" ht="15" customHeight="1" x14ac:dyDescent="0.15"/>
    <row r="591" ht="15" customHeight="1" x14ac:dyDescent="0.15"/>
    <row r="592" ht="15" customHeight="1" x14ac:dyDescent="0.15"/>
    <row r="593" ht="15" customHeight="1" x14ac:dyDescent="0.15"/>
    <row r="594" ht="15" customHeight="1" x14ac:dyDescent="0.15"/>
    <row r="595" ht="15" customHeight="1" x14ac:dyDescent="0.15"/>
    <row r="596" ht="15" customHeight="1" x14ac:dyDescent="0.15"/>
    <row r="597" ht="15" customHeight="1" x14ac:dyDescent="0.15"/>
    <row r="598" ht="15" customHeight="1" x14ac:dyDescent="0.15"/>
    <row r="599" ht="15" customHeight="1" x14ac:dyDescent="0.15"/>
    <row r="600" ht="15" customHeight="1" x14ac:dyDescent="0.15"/>
    <row r="601" ht="15" customHeight="1" x14ac:dyDescent="0.15"/>
    <row r="602" ht="15" customHeight="1" x14ac:dyDescent="0.15"/>
    <row r="603" ht="15" customHeight="1" x14ac:dyDescent="0.15"/>
    <row r="604" ht="15" customHeight="1" x14ac:dyDescent="0.15"/>
    <row r="605" ht="15" customHeight="1" x14ac:dyDescent="0.15"/>
    <row r="606" ht="15" customHeight="1" x14ac:dyDescent="0.15"/>
    <row r="607" ht="15" customHeight="1" x14ac:dyDescent="0.15"/>
    <row r="608" ht="15" customHeight="1" x14ac:dyDescent="0.15"/>
    <row r="609" ht="15" customHeight="1" x14ac:dyDescent="0.15"/>
    <row r="610" ht="15" customHeight="1" x14ac:dyDescent="0.15"/>
    <row r="611" ht="15" customHeight="1" x14ac:dyDescent="0.15"/>
    <row r="612" ht="15" customHeight="1" x14ac:dyDescent="0.15"/>
    <row r="613" ht="15" customHeight="1" x14ac:dyDescent="0.15"/>
    <row r="614" ht="15" customHeight="1" x14ac:dyDescent="0.15"/>
    <row r="615" ht="15" customHeight="1" x14ac:dyDescent="0.15"/>
    <row r="616" ht="15" customHeight="1" x14ac:dyDescent="0.15"/>
    <row r="617" ht="15" customHeight="1" x14ac:dyDescent="0.15"/>
    <row r="618" ht="15" customHeight="1" x14ac:dyDescent="0.15"/>
    <row r="619" ht="15" customHeight="1" x14ac:dyDescent="0.15"/>
    <row r="620" ht="15" customHeight="1" x14ac:dyDescent="0.15"/>
    <row r="621" ht="15" customHeight="1" x14ac:dyDescent="0.15"/>
    <row r="622" ht="15" customHeight="1" x14ac:dyDescent="0.15"/>
    <row r="623" ht="15" customHeight="1" x14ac:dyDescent="0.15"/>
    <row r="624" ht="15" customHeight="1" x14ac:dyDescent="0.15"/>
    <row r="625" ht="15" customHeight="1" x14ac:dyDescent="0.15"/>
    <row r="626" ht="15" customHeight="1" x14ac:dyDescent="0.15"/>
    <row r="627" ht="15" customHeight="1" x14ac:dyDescent="0.15"/>
    <row r="628" ht="15" customHeight="1" x14ac:dyDescent="0.15"/>
    <row r="629" ht="15" customHeight="1" x14ac:dyDescent="0.15"/>
    <row r="630" ht="15" customHeight="1" x14ac:dyDescent="0.15"/>
    <row r="631" ht="15" customHeight="1" x14ac:dyDescent="0.15"/>
    <row r="632" ht="15" customHeight="1" x14ac:dyDescent="0.15"/>
    <row r="633" ht="15" customHeight="1" x14ac:dyDescent="0.15"/>
    <row r="634" ht="15" customHeight="1" x14ac:dyDescent="0.15"/>
    <row r="635" ht="15" customHeight="1" x14ac:dyDescent="0.15"/>
    <row r="636" ht="15" customHeight="1" x14ac:dyDescent="0.15"/>
    <row r="637" ht="15" customHeight="1" x14ac:dyDescent="0.15"/>
    <row r="638" ht="15" customHeight="1" x14ac:dyDescent="0.15"/>
    <row r="639" ht="15" customHeight="1" x14ac:dyDescent="0.15"/>
    <row r="640" ht="15" customHeight="1" x14ac:dyDescent="0.15"/>
    <row r="641" ht="15" customHeight="1" x14ac:dyDescent="0.15"/>
    <row r="642" ht="15" customHeight="1" x14ac:dyDescent="0.15"/>
    <row r="643" ht="15" customHeight="1" x14ac:dyDescent="0.15"/>
    <row r="644" ht="15" customHeight="1" x14ac:dyDescent="0.15"/>
    <row r="645" ht="15" customHeight="1" x14ac:dyDescent="0.15"/>
    <row r="646" ht="15" customHeight="1" x14ac:dyDescent="0.15"/>
    <row r="647" ht="15" customHeight="1" x14ac:dyDescent="0.15"/>
    <row r="648" ht="15" customHeight="1" x14ac:dyDescent="0.15"/>
    <row r="649" ht="15" customHeight="1" x14ac:dyDescent="0.15"/>
    <row r="650" ht="15" customHeight="1" x14ac:dyDescent="0.15"/>
    <row r="651" ht="15" customHeight="1" x14ac:dyDescent="0.15"/>
    <row r="652" ht="15" customHeight="1" x14ac:dyDescent="0.15"/>
    <row r="653" ht="15" customHeight="1" x14ac:dyDescent="0.15"/>
    <row r="654" ht="15" customHeight="1" x14ac:dyDescent="0.15"/>
    <row r="655" ht="15" customHeight="1" x14ac:dyDescent="0.15"/>
    <row r="656" ht="15" customHeight="1" x14ac:dyDescent="0.15"/>
    <row r="657" ht="15" customHeight="1" x14ac:dyDescent="0.15"/>
    <row r="658" ht="15" customHeight="1" x14ac:dyDescent="0.15"/>
    <row r="659" ht="15" customHeight="1" x14ac:dyDescent="0.15"/>
    <row r="660" ht="15" customHeight="1" x14ac:dyDescent="0.15"/>
    <row r="661" ht="15" customHeight="1" x14ac:dyDescent="0.15"/>
    <row r="662" ht="15" customHeight="1" x14ac:dyDescent="0.15"/>
    <row r="663" ht="15" customHeight="1" x14ac:dyDescent="0.15"/>
    <row r="664" ht="15" customHeight="1" x14ac:dyDescent="0.15"/>
    <row r="665" ht="15" customHeight="1" x14ac:dyDescent="0.15"/>
    <row r="666" ht="15" customHeight="1" x14ac:dyDescent="0.15"/>
    <row r="667" ht="15" customHeight="1" x14ac:dyDescent="0.15"/>
    <row r="668" ht="15" customHeight="1" x14ac:dyDescent="0.15"/>
    <row r="669" ht="15" customHeight="1" x14ac:dyDescent="0.15"/>
    <row r="670" ht="15" customHeight="1" x14ac:dyDescent="0.15"/>
    <row r="671" ht="15" customHeight="1" x14ac:dyDescent="0.15"/>
    <row r="672" ht="15" customHeight="1" x14ac:dyDescent="0.15"/>
    <row r="673" ht="15" customHeight="1" x14ac:dyDescent="0.15"/>
    <row r="674" ht="15" customHeight="1" x14ac:dyDescent="0.15"/>
    <row r="675" ht="15" customHeight="1" x14ac:dyDescent="0.15"/>
    <row r="676" ht="15" customHeight="1" x14ac:dyDescent="0.15"/>
    <row r="677" ht="15" customHeight="1" x14ac:dyDescent="0.15"/>
    <row r="678" ht="15" customHeight="1" x14ac:dyDescent="0.15"/>
    <row r="679" ht="15" customHeight="1" x14ac:dyDescent="0.15"/>
    <row r="680" ht="15" customHeight="1" x14ac:dyDescent="0.15"/>
    <row r="681" ht="15" customHeight="1" x14ac:dyDescent="0.15"/>
    <row r="682" ht="15" customHeight="1" x14ac:dyDescent="0.15"/>
    <row r="683" ht="15" customHeight="1" x14ac:dyDescent="0.15"/>
    <row r="684" ht="15" customHeight="1" x14ac:dyDescent="0.15"/>
    <row r="685" ht="15" customHeight="1" x14ac:dyDescent="0.15"/>
    <row r="686" ht="15" customHeight="1" x14ac:dyDescent="0.15"/>
    <row r="687" ht="15" customHeight="1" x14ac:dyDescent="0.15"/>
    <row r="688" ht="15" customHeight="1" x14ac:dyDescent="0.15"/>
    <row r="689" ht="15" customHeight="1" x14ac:dyDescent="0.15"/>
    <row r="690" ht="15" customHeight="1" x14ac:dyDescent="0.15"/>
    <row r="691" ht="15" customHeight="1" x14ac:dyDescent="0.15"/>
    <row r="692" ht="15" customHeight="1" x14ac:dyDescent="0.15"/>
    <row r="693" ht="15" customHeight="1" x14ac:dyDescent="0.15"/>
    <row r="694" ht="15" customHeight="1" x14ac:dyDescent="0.15"/>
    <row r="695" ht="15" customHeight="1" x14ac:dyDescent="0.15"/>
    <row r="696" ht="15" customHeight="1" x14ac:dyDescent="0.15"/>
    <row r="697" ht="15" customHeight="1" x14ac:dyDescent="0.15"/>
    <row r="698" ht="15" customHeight="1" x14ac:dyDescent="0.15"/>
    <row r="699" ht="15" customHeight="1" x14ac:dyDescent="0.15"/>
    <row r="700" ht="15" customHeight="1" x14ac:dyDescent="0.15"/>
    <row r="701" ht="15" customHeight="1" x14ac:dyDescent="0.15"/>
    <row r="702" ht="15" customHeight="1" x14ac:dyDescent="0.15"/>
    <row r="703" ht="15" customHeight="1" x14ac:dyDescent="0.15"/>
    <row r="704" ht="15" customHeight="1" x14ac:dyDescent="0.15"/>
    <row r="705" ht="15" customHeight="1" x14ac:dyDescent="0.15"/>
    <row r="706" ht="15" customHeight="1" x14ac:dyDescent="0.15"/>
    <row r="707" ht="15" customHeight="1" x14ac:dyDescent="0.15"/>
    <row r="708" ht="15" customHeight="1" x14ac:dyDescent="0.15"/>
    <row r="709" ht="15" customHeight="1" x14ac:dyDescent="0.15"/>
    <row r="710" ht="15" customHeight="1" x14ac:dyDescent="0.15"/>
    <row r="711" ht="15" customHeight="1" x14ac:dyDescent="0.15"/>
    <row r="712" ht="15" customHeight="1" x14ac:dyDescent="0.15"/>
    <row r="713" ht="15" customHeight="1" x14ac:dyDescent="0.15"/>
    <row r="714" ht="15" customHeight="1" x14ac:dyDescent="0.15"/>
    <row r="715" ht="15" customHeight="1" x14ac:dyDescent="0.15"/>
    <row r="716" ht="15" customHeight="1" x14ac:dyDescent="0.15"/>
    <row r="717" ht="15" customHeight="1" x14ac:dyDescent="0.15"/>
    <row r="718" ht="15" customHeight="1" x14ac:dyDescent="0.15"/>
    <row r="719" ht="15" customHeight="1" x14ac:dyDescent="0.15"/>
    <row r="720" ht="15" customHeight="1" x14ac:dyDescent="0.15"/>
    <row r="721" ht="15" customHeight="1" x14ac:dyDescent="0.15"/>
    <row r="722" ht="15" customHeight="1" x14ac:dyDescent="0.15"/>
    <row r="723" ht="15" customHeight="1" x14ac:dyDescent="0.15"/>
    <row r="724" ht="15" customHeight="1" x14ac:dyDescent="0.15"/>
    <row r="725" ht="15" customHeight="1" x14ac:dyDescent="0.15"/>
    <row r="726" ht="15" customHeight="1" x14ac:dyDescent="0.15"/>
    <row r="727" ht="15" customHeight="1" x14ac:dyDescent="0.15"/>
    <row r="728" ht="15" customHeight="1" x14ac:dyDescent="0.15"/>
    <row r="729" ht="15" customHeight="1" x14ac:dyDescent="0.15"/>
    <row r="730" ht="15" customHeight="1" x14ac:dyDescent="0.15"/>
    <row r="731" ht="15" customHeight="1" x14ac:dyDescent="0.15"/>
    <row r="732" ht="15" customHeight="1" x14ac:dyDescent="0.15"/>
    <row r="733" ht="15" customHeight="1" x14ac:dyDescent="0.15"/>
    <row r="734" ht="15" customHeight="1" x14ac:dyDescent="0.15"/>
    <row r="735" ht="15" customHeight="1" x14ac:dyDescent="0.15"/>
    <row r="736" ht="15" customHeight="1" x14ac:dyDescent="0.15"/>
    <row r="737" ht="15" customHeight="1" x14ac:dyDescent="0.15"/>
    <row r="738" ht="15" customHeight="1" x14ac:dyDescent="0.15"/>
    <row r="739" ht="15" customHeight="1" x14ac:dyDescent="0.15"/>
    <row r="740" ht="15" customHeight="1" x14ac:dyDescent="0.15"/>
    <row r="741" ht="15" customHeight="1" x14ac:dyDescent="0.15"/>
    <row r="742" ht="15" customHeight="1" x14ac:dyDescent="0.15"/>
    <row r="743" ht="15" customHeight="1" x14ac:dyDescent="0.15"/>
    <row r="744" ht="15" customHeight="1" x14ac:dyDescent="0.15"/>
    <row r="745" ht="15" customHeight="1" x14ac:dyDescent="0.15"/>
    <row r="746" ht="15" customHeight="1" x14ac:dyDescent="0.15"/>
    <row r="747" ht="15" customHeight="1" x14ac:dyDescent="0.15"/>
    <row r="748" ht="15" customHeight="1" x14ac:dyDescent="0.15"/>
    <row r="749" ht="15" customHeight="1" x14ac:dyDescent="0.15"/>
    <row r="750" ht="15" customHeight="1" x14ac:dyDescent="0.15"/>
    <row r="751" ht="15" customHeight="1" x14ac:dyDescent="0.15"/>
    <row r="752" ht="15" customHeight="1" x14ac:dyDescent="0.15"/>
    <row r="753" ht="15" customHeight="1" x14ac:dyDescent="0.15"/>
    <row r="754" ht="15" customHeight="1" x14ac:dyDescent="0.15"/>
    <row r="755" ht="15" customHeight="1" x14ac:dyDescent="0.15"/>
    <row r="756" ht="15" customHeight="1" x14ac:dyDescent="0.15"/>
    <row r="757" ht="15" customHeight="1" x14ac:dyDescent="0.15"/>
    <row r="758" ht="15" customHeight="1" x14ac:dyDescent="0.15"/>
    <row r="759" ht="15" customHeight="1" x14ac:dyDescent="0.15"/>
    <row r="760" ht="15" customHeight="1" x14ac:dyDescent="0.15"/>
    <row r="761" ht="15" customHeight="1" x14ac:dyDescent="0.15"/>
    <row r="762" ht="15" customHeight="1" x14ac:dyDescent="0.15"/>
    <row r="763" ht="15" customHeight="1" x14ac:dyDescent="0.15"/>
    <row r="764" ht="15" customHeight="1" x14ac:dyDescent="0.15"/>
    <row r="765" ht="15" customHeight="1" x14ac:dyDescent="0.15"/>
    <row r="766" ht="15" customHeight="1" x14ac:dyDescent="0.15"/>
    <row r="767" ht="15" customHeight="1" x14ac:dyDescent="0.15"/>
    <row r="768" ht="15" customHeight="1" x14ac:dyDescent="0.15"/>
    <row r="769" ht="15" customHeight="1" x14ac:dyDescent="0.15"/>
    <row r="770" ht="15" customHeight="1" x14ac:dyDescent="0.15"/>
    <row r="771" ht="15" customHeight="1" x14ac:dyDescent="0.15"/>
    <row r="772" ht="15" customHeight="1" x14ac:dyDescent="0.15"/>
    <row r="773" ht="15" customHeight="1" x14ac:dyDescent="0.15"/>
    <row r="774" ht="15" customHeight="1" x14ac:dyDescent="0.15"/>
    <row r="775" ht="15" customHeight="1" x14ac:dyDescent="0.15"/>
    <row r="776" ht="15" customHeight="1" x14ac:dyDescent="0.15"/>
    <row r="777" ht="15" customHeight="1" x14ac:dyDescent="0.15"/>
    <row r="778" ht="15" customHeight="1" x14ac:dyDescent="0.15"/>
    <row r="779" ht="15" customHeight="1" x14ac:dyDescent="0.15"/>
    <row r="780" ht="15" customHeight="1" x14ac:dyDescent="0.15"/>
    <row r="781" ht="15" customHeight="1" x14ac:dyDescent="0.15"/>
    <row r="782" ht="15" customHeight="1" x14ac:dyDescent="0.15"/>
    <row r="783" ht="15" customHeight="1" x14ac:dyDescent="0.15"/>
    <row r="784" ht="15" customHeight="1" x14ac:dyDescent="0.15"/>
    <row r="785" ht="15" customHeight="1" x14ac:dyDescent="0.15"/>
    <row r="786" ht="15" customHeight="1" x14ac:dyDescent="0.15"/>
    <row r="787" ht="15" customHeight="1" x14ac:dyDescent="0.15"/>
    <row r="788" ht="15" customHeight="1" x14ac:dyDescent="0.15"/>
    <row r="789" ht="15" customHeight="1" x14ac:dyDescent="0.15"/>
    <row r="790" ht="15" customHeight="1" x14ac:dyDescent="0.15"/>
    <row r="791" ht="15" customHeight="1" x14ac:dyDescent="0.15"/>
    <row r="792" ht="15" customHeight="1" x14ac:dyDescent="0.15"/>
    <row r="793" ht="15" customHeight="1" x14ac:dyDescent="0.15"/>
    <row r="794" ht="15" customHeight="1" x14ac:dyDescent="0.15"/>
    <row r="795" ht="15" customHeight="1" x14ac:dyDescent="0.15"/>
    <row r="796" ht="15" customHeight="1" x14ac:dyDescent="0.15"/>
    <row r="797" ht="15" customHeight="1" x14ac:dyDescent="0.15"/>
    <row r="798" ht="15" customHeight="1" x14ac:dyDescent="0.15"/>
    <row r="799" ht="15" customHeight="1" x14ac:dyDescent="0.15"/>
    <row r="800" ht="15" customHeight="1" x14ac:dyDescent="0.15"/>
    <row r="801" ht="15" customHeight="1" x14ac:dyDescent="0.15"/>
    <row r="802" ht="15" customHeight="1" x14ac:dyDescent="0.15"/>
    <row r="803" ht="15" customHeight="1" x14ac:dyDescent="0.15"/>
    <row r="804" ht="15" customHeight="1" x14ac:dyDescent="0.15"/>
    <row r="805" ht="15" customHeight="1" x14ac:dyDescent="0.15"/>
    <row r="806" ht="15" customHeight="1" x14ac:dyDescent="0.15"/>
    <row r="807" ht="15" customHeight="1" x14ac:dyDescent="0.15"/>
    <row r="808" ht="15" customHeight="1" x14ac:dyDescent="0.15"/>
    <row r="809" ht="15" customHeight="1" x14ac:dyDescent="0.15"/>
    <row r="810" ht="15" customHeight="1" x14ac:dyDescent="0.15"/>
    <row r="811" ht="15" customHeight="1" x14ac:dyDescent="0.15"/>
    <row r="812" ht="15" customHeight="1" x14ac:dyDescent="0.15"/>
    <row r="813" ht="15" customHeight="1" x14ac:dyDescent="0.15"/>
    <row r="814" ht="15" customHeight="1" x14ac:dyDescent="0.15"/>
    <row r="815" ht="15" customHeight="1" x14ac:dyDescent="0.15"/>
    <row r="816" ht="15" customHeight="1" x14ac:dyDescent="0.15"/>
    <row r="817" ht="15" customHeight="1" x14ac:dyDescent="0.15"/>
    <row r="818" ht="15" customHeight="1" x14ac:dyDescent="0.15"/>
    <row r="819" ht="15" customHeight="1" x14ac:dyDescent="0.15"/>
    <row r="820" ht="15" customHeight="1" x14ac:dyDescent="0.15"/>
    <row r="821" ht="15" customHeight="1" x14ac:dyDescent="0.15"/>
    <row r="822" ht="15" customHeight="1" x14ac:dyDescent="0.15"/>
    <row r="823" ht="15" customHeight="1" x14ac:dyDescent="0.15"/>
    <row r="824" ht="15" customHeight="1" x14ac:dyDescent="0.15"/>
    <row r="825" ht="15" customHeight="1" x14ac:dyDescent="0.15"/>
    <row r="826" ht="15" customHeight="1" x14ac:dyDescent="0.15"/>
    <row r="827" ht="15" customHeight="1" x14ac:dyDescent="0.15"/>
    <row r="828" ht="15" customHeight="1" x14ac:dyDescent="0.15"/>
    <row r="829" ht="15" customHeight="1" x14ac:dyDescent="0.15"/>
    <row r="830" ht="15" customHeight="1" x14ac:dyDescent="0.15"/>
    <row r="831" ht="15" customHeight="1" x14ac:dyDescent="0.15"/>
    <row r="832" ht="15" customHeight="1" x14ac:dyDescent="0.15"/>
    <row r="833" ht="15" customHeight="1" x14ac:dyDescent="0.15"/>
    <row r="834" ht="15" customHeight="1" x14ac:dyDescent="0.15"/>
    <row r="835" ht="15" customHeight="1" x14ac:dyDescent="0.15"/>
    <row r="836" ht="15" customHeight="1" x14ac:dyDescent="0.15"/>
    <row r="837" ht="15" customHeight="1" x14ac:dyDescent="0.15"/>
    <row r="838" ht="15" customHeight="1" x14ac:dyDescent="0.15"/>
    <row r="839" ht="15" customHeight="1" x14ac:dyDescent="0.15"/>
    <row r="840" ht="15" customHeight="1" x14ac:dyDescent="0.15"/>
    <row r="841" ht="15" customHeight="1" x14ac:dyDescent="0.15"/>
    <row r="842" ht="15" customHeight="1" x14ac:dyDescent="0.15"/>
    <row r="843" ht="15" customHeight="1" x14ac:dyDescent="0.15"/>
    <row r="844" ht="15" customHeight="1" x14ac:dyDescent="0.15"/>
    <row r="845" ht="15" customHeight="1" x14ac:dyDescent="0.15"/>
    <row r="846" ht="15" customHeight="1" x14ac:dyDescent="0.15"/>
    <row r="847" ht="15" customHeight="1" x14ac:dyDescent="0.15"/>
    <row r="848" ht="15" customHeight="1" x14ac:dyDescent="0.15"/>
    <row r="849" ht="15" customHeight="1" x14ac:dyDescent="0.15"/>
    <row r="850" ht="15" customHeight="1" x14ac:dyDescent="0.15"/>
    <row r="851" ht="15" customHeight="1" x14ac:dyDescent="0.15"/>
    <row r="852" ht="15" customHeight="1" x14ac:dyDescent="0.15"/>
    <row r="853" ht="15" customHeight="1" x14ac:dyDescent="0.15"/>
    <row r="854" ht="15" customHeight="1" x14ac:dyDescent="0.15"/>
    <row r="855" ht="15" customHeight="1" x14ac:dyDescent="0.15"/>
    <row r="856" ht="15" customHeight="1" x14ac:dyDescent="0.15"/>
    <row r="857" ht="15" customHeight="1" x14ac:dyDescent="0.15"/>
    <row r="858" ht="15" customHeight="1" x14ac:dyDescent="0.15"/>
    <row r="859" ht="15" customHeight="1" x14ac:dyDescent="0.15"/>
    <row r="860" ht="15" customHeight="1" x14ac:dyDescent="0.15"/>
    <row r="861" ht="15" customHeight="1" x14ac:dyDescent="0.15"/>
    <row r="862" ht="15" customHeight="1" x14ac:dyDescent="0.15"/>
    <row r="863" ht="15" customHeight="1" x14ac:dyDescent="0.15"/>
    <row r="864" ht="15" customHeight="1" x14ac:dyDescent="0.15"/>
    <row r="865" ht="15" customHeight="1" x14ac:dyDescent="0.15"/>
    <row r="866" ht="15" customHeight="1" x14ac:dyDescent="0.15"/>
    <row r="867" ht="15" customHeight="1" x14ac:dyDescent="0.15"/>
    <row r="868" ht="15" customHeight="1" x14ac:dyDescent="0.15"/>
    <row r="869" ht="15" customHeight="1" x14ac:dyDescent="0.15"/>
    <row r="870" ht="15" customHeight="1" x14ac:dyDescent="0.15"/>
    <row r="871" ht="15" customHeight="1" x14ac:dyDescent="0.15"/>
    <row r="872" ht="15" customHeight="1" x14ac:dyDescent="0.15"/>
    <row r="873" ht="15" customHeight="1" x14ac:dyDescent="0.15"/>
    <row r="874" ht="15" customHeight="1" x14ac:dyDescent="0.15"/>
    <row r="875" ht="15" customHeight="1" x14ac:dyDescent="0.15"/>
    <row r="876" ht="15" customHeight="1" x14ac:dyDescent="0.15"/>
    <row r="877" ht="15" customHeight="1" x14ac:dyDescent="0.15"/>
    <row r="878" ht="15" customHeight="1" x14ac:dyDescent="0.15"/>
    <row r="879" ht="15" customHeight="1" x14ac:dyDescent="0.15"/>
    <row r="880" ht="15" customHeight="1" x14ac:dyDescent="0.15"/>
    <row r="881" ht="15" customHeight="1" x14ac:dyDescent="0.15"/>
    <row r="882" ht="15" customHeight="1" x14ac:dyDescent="0.15"/>
    <row r="883" ht="15" customHeight="1" x14ac:dyDescent="0.15"/>
    <row r="884" ht="15" customHeight="1" x14ac:dyDescent="0.15"/>
    <row r="885" ht="15" customHeight="1" x14ac:dyDescent="0.15"/>
    <row r="886" ht="15" customHeight="1" x14ac:dyDescent="0.15"/>
    <row r="887" ht="15" customHeight="1" x14ac:dyDescent="0.15"/>
    <row r="888" ht="15" customHeight="1" x14ac:dyDescent="0.15"/>
    <row r="889" ht="15" customHeight="1" x14ac:dyDescent="0.15"/>
    <row r="890" ht="15" customHeight="1" x14ac:dyDescent="0.15"/>
    <row r="891" ht="15" customHeight="1" x14ac:dyDescent="0.15"/>
    <row r="892" ht="15" customHeight="1" x14ac:dyDescent="0.15"/>
    <row r="893" ht="15" customHeight="1" x14ac:dyDescent="0.15"/>
    <row r="894" ht="15" customHeight="1" x14ac:dyDescent="0.15"/>
    <row r="895" ht="15" customHeight="1" x14ac:dyDescent="0.15"/>
    <row r="896" ht="15" customHeight="1" x14ac:dyDescent="0.15"/>
    <row r="897" ht="15" customHeight="1" x14ac:dyDescent="0.15"/>
    <row r="898" ht="15" customHeight="1" x14ac:dyDescent="0.15"/>
    <row r="899" ht="15" customHeight="1" x14ac:dyDescent="0.15"/>
    <row r="900" ht="15" customHeight="1" x14ac:dyDescent="0.15"/>
    <row r="901" ht="15" customHeight="1" x14ac:dyDescent="0.15"/>
    <row r="902" ht="15" customHeight="1" x14ac:dyDescent="0.15"/>
    <row r="903" ht="15" customHeight="1" x14ac:dyDescent="0.15"/>
    <row r="904" ht="15" customHeight="1" x14ac:dyDescent="0.15"/>
    <row r="905" ht="15" customHeight="1" x14ac:dyDescent="0.15"/>
    <row r="906" ht="15" customHeight="1" x14ac:dyDescent="0.15"/>
    <row r="907" ht="15" customHeight="1" x14ac:dyDescent="0.15"/>
    <row r="908" ht="15" customHeight="1" x14ac:dyDescent="0.15"/>
    <row r="909" ht="15" customHeight="1" x14ac:dyDescent="0.15"/>
    <row r="910" ht="15" customHeight="1" x14ac:dyDescent="0.15"/>
    <row r="911" ht="15" customHeight="1" x14ac:dyDescent="0.15"/>
    <row r="912" ht="15" customHeight="1" x14ac:dyDescent="0.15"/>
    <row r="913" ht="15" customHeight="1" x14ac:dyDescent="0.15"/>
    <row r="914" ht="15" customHeight="1" x14ac:dyDescent="0.15"/>
    <row r="915" ht="15" customHeight="1" x14ac:dyDescent="0.15"/>
    <row r="916" ht="15" customHeight="1" x14ac:dyDescent="0.15"/>
    <row r="917" ht="15" customHeight="1" x14ac:dyDescent="0.15"/>
    <row r="918" ht="15" customHeight="1" x14ac:dyDescent="0.15"/>
    <row r="919" ht="15" customHeight="1" x14ac:dyDescent="0.15"/>
    <row r="920" ht="15" customHeight="1" x14ac:dyDescent="0.15"/>
    <row r="921" ht="15" customHeight="1" x14ac:dyDescent="0.15"/>
    <row r="922" ht="15" customHeight="1" x14ac:dyDescent="0.15"/>
    <row r="923" ht="15" customHeight="1" x14ac:dyDescent="0.15"/>
    <row r="924" ht="15" customHeight="1" x14ac:dyDescent="0.15"/>
    <row r="925" ht="15" customHeight="1" x14ac:dyDescent="0.15"/>
  </sheetData>
  <mergeCells count="65">
    <mergeCell ref="B30:I31"/>
    <mergeCell ref="M30:N31"/>
    <mergeCell ref="O30:O31"/>
    <mergeCell ref="P30:Q31"/>
    <mergeCell ref="R30:R31"/>
    <mergeCell ref="K30:L31"/>
    <mergeCell ref="S30:T31"/>
    <mergeCell ref="U30:U31"/>
    <mergeCell ref="B5:AK6"/>
    <mergeCell ref="X8:Y9"/>
    <mergeCell ref="Z8:AA9"/>
    <mergeCell ref="AB8:AC9"/>
    <mergeCell ref="AD8:AE9"/>
    <mergeCell ref="AF8:AG9"/>
    <mergeCell ref="AH8:AI9"/>
    <mergeCell ref="AJ8:AK9"/>
    <mergeCell ref="T16:X17"/>
    <mergeCell ref="Y16:AI17"/>
    <mergeCell ref="AJ16:AK17"/>
    <mergeCell ref="C10:L10"/>
    <mergeCell ref="O11:S12"/>
    <mergeCell ref="T11:W12"/>
    <mergeCell ref="X11:AK12"/>
    <mergeCell ref="T13:W14"/>
    <mergeCell ref="X13:AI14"/>
    <mergeCell ref="AJ13:AK14"/>
    <mergeCell ref="B21:AL23"/>
    <mergeCell ref="AB19:AE19"/>
    <mergeCell ref="Y15:AI15"/>
    <mergeCell ref="Y18:AI18"/>
    <mergeCell ref="B24:I25"/>
    <mergeCell ref="K24:L25"/>
    <mergeCell ref="M24:N25"/>
    <mergeCell ref="O24:O25"/>
    <mergeCell ref="P24:Q25"/>
    <mergeCell ref="J28:L29"/>
    <mergeCell ref="M28:AG29"/>
    <mergeCell ref="AH28:AK29"/>
    <mergeCell ref="R24:R25"/>
    <mergeCell ref="S24:T25"/>
    <mergeCell ref="U24:U25"/>
    <mergeCell ref="V24:X25"/>
    <mergeCell ref="AI24:AI25"/>
    <mergeCell ref="Y24:Z25"/>
    <mergeCell ref="AA24:AB25"/>
    <mergeCell ref="AC24:AC25"/>
    <mergeCell ref="AD24:AE25"/>
    <mergeCell ref="AF24:AF25"/>
    <mergeCell ref="AG24:AH25"/>
    <mergeCell ref="B26:I29"/>
    <mergeCell ref="B54:AK55"/>
    <mergeCell ref="B46:AK47"/>
    <mergeCell ref="B48:F49"/>
    <mergeCell ref="G48:AK49"/>
    <mergeCell ref="B50:C50"/>
    <mergeCell ref="G50:AK51"/>
    <mergeCell ref="B52:AK53"/>
    <mergeCell ref="Z30:AA31"/>
    <mergeCell ref="B32:I33"/>
    <mergeCell ref="K32:M33"/>
    <mergeCell ref="N32:AK33"/>
    <mergeCell ref="B34:I45"/>
    <mergeCell ref="J34:AK45"/>
    <mergeCell ref="J26:L27"/>
    <mergeCell ref="M26:AK27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AL1162"/>
  <sheetViews>
    <sheetView showGridLines="0" view="pageBreakPreview" zoomScaleNormal="70" zoomScaleSheetLayoutView="100" workbookViewId="0">
      <selection activeCell="B4" sqref="B4:AK5"/>
    </sheetView>
  </sheetViews>
  <sheetFormatPr defaultColWidth="0" defaultRowHeight="15" customHeight="1" zeroHeight="1" x14ac:dyDescent="0.15"/>
  <cols>
    <col min="1" max="1" width="0.75" style="2" customWidth="1"/>
    <col min="2" max="37" width="2.5" style="1" customWidth="1"/>
    <col min="38" max="38" width="0.75" style="2" customWidth="1"/>
    <col min="39" max="16384" width="2.5" style="1" hidden="1"/>
  </cols>
  <sheetData>
    <row r="1" spans="1:38" ht="15" customHeight="1" x14ac:dyDescent="0.15"/>
    <row r="2" spans="1:38" ht="15" customHeight="1" x14ac:dyDescent="0.15"/>
    <row r="3" spans="1:38" ht="15" customHeight="1" x14ac:dyDescent="0.15"/>
    <row r="4" spans="1:38" ht="15" customHeight="1" x14ac:dyDescent="0.15">
      <c r="B4" s="82" t="s">
        <v>60</v>
      </c>
      <c r="C4" s="82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2"/>
      <c r="P4" s="82"/>
      <c r="Q4" s="82"/>
      <c r="R4" s="82"/>
      <c r="S4" s="82"/>
      <c r="T4" s="82"/>
      <c r="U4" s="82"/>
      <c r="V4" s="82"/>
      <c r="W4" s="82"/>
      <c r="X4" s="82"/>
      <c r="Y4" s="82"/>
      <c r="Z4" s="82"/>
      <c r="AA4" s="82"/>
      <c r="AB4" s="82"/>
      <c r="AC4" s="82"/>
      <c r="AD4" s="82"/>
      <c r="AE4" s="82"/>
      <c r="AF4" s="82"/>
      <c r="AG4" s="82"/>
      <c r="AH4" s="82"/>
      <c r="AI4" s="82"/>
      <c r="AJ4" s="82"/>
      <c r="AK4" s="82"/>
    </row>
    <row r="5" spans="1:38" ht="15" customHeight="1" x14ac:dyDescent="0.15">
      <c r="B5" s="82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2"/>
      <c r="W5" s="82"/>
      <c r="X5" s="82"/>
      <c r="Y5" s="82"/>
      <c r="Z5" s="82"/>
      <c r="AA5" s="82"/>
      <c r="AB5" s="82"/>
      <c r="AC5" s="82"/>
      <c r="AD5" s="82"/>
      <c r="AE5" s="82"/>
      <c r="AF5" s="82"/>
      <c r="AG5" s="82"/>
      <c r="AH5" s="82"/>
      <c r="AI5" s="82"/>
      <c r="AJ5" s="82"/>
      <c r="AK5" s="82"/>
    </row>
    <row r="6" spans="1:38" ht="15" customHeight="1" x14ac:dyDescent="0.15"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  <c r="AB6" s="13"/>
      <c r="AC6" s="13"/>
      <c r="AD6" s="13"/>
      <c r="AE6" s="13"/>
      <c r="AF6" s="13"/>
      <c r="AG6" s="13"/>
      <c r="AH6" s="13"/>
      <c r="AI6" s="13"/>
      <c r="AJ6" s="13"/>
      <c r="AK6" s="13"/>
      <c r="AL6" s="13"/>
    </row>
    <row r="7" spans="1:38" ht="15" customHeight="1" x14ac:dyDescent="0.15">
      <c r="X7" s="42"/>
      <c r="Y7" s="42"/>
      <c r="Z7" s="42"/>
      <c r="AA7" s="42"/>
      <c r="AB7" s="42" t="s">
        <v>1</v>
      </c>
      <c r="AC7" s="42"/>
      <c r="AD7" s="42"/>
      <c r="AE7" s="42"/>
      <c r="AF7" s="42" t="s">
        <v>2</v>
      </c>
      <c r="AG7" s="42"/>
      <c r="AH7" s="42"/>
      <c r="AI7" s="42"/>
      <c r="AJ7" s="42" t="s">
        <v>3</v>
      </c>
      <c r="AK7" s="42"/>
    </row>
    <row r="8" spans="1:38" ht="15" customHeight="1" x14ac:dyDescent="0.15">
      <c r="X8" s="42"/>
      <c r="Y8" s="42"/>
      <c r="Z8" s="42"/>
      <c r="AA8" s="42"/>
      <c r="AB8" s="42"/>
      <c r="AC8" s="42"/>
      <c r="AD8" s="42"/>
      <c r="AE8" s="42"/>
      <c r="AF8" s="42"/>
      <c r="AG8" s="42"/>
      <c r="AH8" s="42"/>
      <c r="AI8" s="42"/>
      <c r="AJ8" s="42"/>
      <c r="AK8" s="42"/>
    </row>
    <row r="9" spans="1:38" ht="15" customHeight="1" x14ac:dyDescent="0.15">
      <c r="C9" s="40" t="s">
        <v>4</v>
      </c>
      <c r="D9" s="40"/>
      <c r="E9" s="40"/>
      <c r="F9" s="40"/>
      <c r="G9" s="40"/>
      <c r="H9" s="40"/>
      <c r="I9" s="40"/>
      <c r="J9" s="40"/>
      <c r="K9" s="40"/>
      <c r="L9" s="40"/>
      <c r="AL9" s="1"/>
    </row>
    <row r="10" spans="1:38" ht="15" customHeight="1" x14ac:dyDescent="0.15">
      <c r="C10" s="3"/>
      <c r="D10" s="3"/>
      <c r="E10" s="3"/>
      <c r="F10" s="3"/>
      <c r="G10" s="3"/>
      <c r="H10" s="3"/>
      <c r="I10" s="3"/>
      <c r="J10" s="3"/>
      <c r="K10" s="3"/>
      <c r="L10" s="3"/>
      <c r="O10" s="42" t="s">
        <v>16</v>
      </c>
      <c r="P10" s="42"/>
      <c r="Q10" s="42"/>
      <c r="R10" s="42"/>
      <c r="S10" s="42"/>
      <c r="T10" s="79" t="s">
        <v>6</v>
      </c>
      <c r="U10" s="79"/>
      <c r="V10" s="79"/>
      <c r="W10" s="79"/>
      <c r="X10" s="42"/>
      <c r="Y10" s="42"/>
      <c r="Z10" s="42"/>
      <c r="AA10" s="42"/>
      <c r="AB10" s="42"/>
      <c r="AC10" s="42"/>
      <c r="AD10" s="42"/>
      <c r="AE10" s="42"/>
      <c r="AF10" s="42"/>
      <c r="AG10" s="42"/>
      <c r="AH10" s="42"/>
      <c r="AI10" s="42"/>
      <c r="AJ10" s="42"/>
      <c r="AK10" s="42"/>
    </row>
    <row r="11" spans="1:38" ht="15" customHeight="1" x14ac:dyDescent="0.15">
      <c r="O11" s="42"/>
      <c r="P11" s="42"/>
      <c r="Q11" s="42"/>
      <c r="R11" s="42"/>
      <c r="S11" s="42"/>
      <c r="T11" s="79"/>
      <c r="U11" s="79"/>
      <c r="V11" s="79"/>
      <c r="W11" s="79"/>
      <c r="X11" s="42"/>
      <c r="Y11" s="42"/>
      <c r="Z11" s="42"/>
      <c r="AA11" s="42"/>
      <c r="AB11" s="42"/>
      <c r="AC11" s="42"/>
      <c r="AD11" s="42"/>
      <c r="AE11" s="42"/>
      <c r="AF11" s="42"/>
      <c r="AG11" s="42"/>
      <c r="AH11" s="42"/>
      <c r="AI11" s="42"/>
      <c r="AJ11" s="42"/>
      <c r="AK11" s="42"/>
    </row>
    <row r="12" spans="1:38" ht="21" customHeight="1" x14ac:dyDescent="0.15">
      <c r="T12" s="79" t="s">
        <v>19</v>
      </c>
      <c r="U12" s="79"/>
      <c r="V12" s="79"/>
      <c r="W12" s="79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 t="s">
        <v>63</v>
      </c>
      <c r="AK12" s="42"/>
    </row>
    <row r="13" spans="1:38" ht="21" customHeight="1" x14ac:dyDescent="0.15">
      <c r="T13" s="79"/>
      <c r="U13" s="79"/>
      <c r="V13" s="79"/>
      <c r="W13" s="79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/>
      <c r="AK13" s="42"/>
    </row>
    <row r="14" spans="1:38" s="29" customFormat="1" ht="15" customHeight="1" x14ac:dyDescent="0.15">
      <c r="A14" s="2"/>
      <c r="T14" s="30"/>
      <c r="U14" s="30"/>
      <c r="V14" s="30"/>
      <c r="W14" s="30"/>
      <c r="Y14" s="116" t="s">
        <v>64</v>
      </c>
      <c r="Z14" s="116"/>
      <c r="AA14" s="116"/>
      <c r="AB14" s="116"/>
      <c r="AC14" s="116"/>
      <c r="AD14" s="116"/>
      <c r="AE14" s="116"/>
      <c r="AF14" s="116"/>
      <c r="AG14" s="116"/>
      <c r="AH14" s="116"/>
      <c r="AI14" s="116"/>
      <c r="AL14" s="2"/>
    </row>
    <row r="15" spans="1:38" ht="15" customHeight="1" x14ac:dyDescent="0.15">
      <c r="T15" s="79" t="s">
        <v>17</v>
      </c>
      <c r="U15" s="79"/>
      <c r="V15" s="79"/>
      <c r="W15" s="79"/>
      <c r="X15" s="79"/>
      <c r="Y15" s="42"/>
      <c r="Z15" s="42"/>
      <c r="AA15" s="42"/>
      <c r="AB15" s="42"/>
      <c r="AC15" s="42"/>
      <c r="AD15" s="42"/>
      <c r="AE15" s="42"/>
      <c r="AF15" s="42"/>
      <c r="AG15" s="42"/>
      <c r="AH15" s="42"/>
      <c r="AI15" s="42"/>
      <c r="AJ15" s="42" t="s">
        <v>63</v>
      </c>
      <c r="AK15" s="42"/>
    </row>
    <row r="16" spans="1:38" ht="15" customHeight="1" x14ac:dyDescent="0.15">
      <c r="T16" s="79"/>
      <c r="U16" s="79"/>
      <c r="V16" s="79"/>
      <c r="W16" s="79"/>
      <c r="X16" s="79"/>
      <c r="Y16" s="42"/>
      <c r="Z16" s="42"/>
      <c r="AA16" s="42"/>
      <c r="AB16" s="42"/>
      <c r="AC16" s="42"/>
      <c r="AD16" s="42"/>
      <c r="AE16" s="42"/>
      <c r="AF16" s="42"/>
      <c r="AG16" s="42"/>
      <c r="AH16" s="42"/>
      <c r="AI16" s="42"/>
      <c r="AJ16" s="42"/>
      <c r="AK16" s="42"/>
    </row>
    <row r="17" spans="1:38" s="29" customFormat="1" ht="15" customHeight="1" x14ac:dyDescent="0.15">
      <c r="A17" s="2"/>
      <c r="T17" s="30"/>
      <c r="U17" s="30"/>
      <c r="V17" s="30"/>
      <c r="W17" s="30"/>
      <c r="X17" s="30"/>
      <c r="Y17" s="116" t="s">
        <v>65</v>
      </c>
      <c r="Z17" s="116"/>
      <c r="AA17" s="116"/>
      <c r="AB17" s="116"/>
      <c r="AC17" s="116"/>
      <c r="AD17" s="116"/>
      <c r="AE17" s="116"/>
      <c r="AF17" s="116"/>
      <c r="AG17" s="116"/>
      <c r="AH17" s="116"/>
      <c r="AI17" s="116"/>
      <c r="AJ17" s="116"/>
      <c r="AL17" s="2"/>
    </row>
    <row r="18" spans="1:38" ht="15" customHeight="1" x14ac:dyDescent="0.15">
      <c r="T18" s="24" t="s">
        <v>23</v>
      </c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1" t="s">
        <v>15</v>
      </c>
    </row>
    <row r="19" spans="1:38" ht="15" customHeight="1" x14ac:dyDescent="0.15"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</row>
    <row r="20" spans="1:38" ht="15" customHeight="1" x14ac:dyDescent="0.15">
      <c r="V20" s="7"/>
      <c r="W20" s="7"/>
      <c r="X20" s="7"/>
      <c r="AL20" s="1"/>
    </row>
    <row r="21" spans="1:38" ht="15" customHeight="1" x14ac:dyDescent="0.15">
      <c r="C21" s="89" t="s">
        <v>31</v>
      </c>
      <c r="D21" s="89"/>
      <c r="E21" s="89"/>
      <c r="F21" s="89"/>
      <c r="G21" s="89"/>
      <c r="H21" s="89"/>
      <c r="I21" s="89"/>
      <c r="J21" s="89"/>
      <c r="K21" s="89"/>
      <c r="L21" s="89"/>
      <c r="M21" s="89"/>
      <c r="N21" s="89"/>
      <c r="O21" s="89"/>
      <c r="P21" s="89"/>
      <c r="Q21" s="89"/>
      <c r="R21" s="89"/>
      <c r="S21" s="89"/>
      <c r="T21" s="89"/>
      <c r="U21" s="89"/>
      <c r="V21" s="89"/>
      <c r="W21" s="89"/>
      <c r="X21" s="89"/>
      <c r="Y21" s="89"/>
      <c r="Z21" s="89"/>
      <c r="AA21" s="89"/>
      <c r="AB21" s="89"/>
      <c r="AC21" s="89"/>
      <c r="AD21" s="89"/>
      <c r="AE21" s="89"/>
      <c r="AF21" s="89"/>
      <c r="AG21" s="89"/>
      <c r="AH21" s="89"/>
      <c r="AI21" s="89"/>
      <c r="AJ21" s="89"/>
      <c r="AK21" s="89"/>
      <c r="AL21" s="89"/>
    </row>
    <row r="22" spans="1:38" ht="15" customHeight="1" x14ac:dyDescent="0.15"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  <c r="W22" s="40"/>
      <c r="X22" s="40"/>
      <c r="Y22" s="40"/>
      <c r="Z22" s="40"/>
      <c r="AA22" s="40"/>
      <c r="AB22" s="40"/>
      <c r="AC22" s="40"/>
      <c r="AD22" s="40"/>
      <c r="AE22" s="40"/>
      <c r="AF22" s="40"/>
      <c r="AG22" s="40"/>
      <c r="AH22" s="40"/>
      <c r="AI22" s="40"/>
      <c r="AJ22" s="40"/>
      <c r="AK22" s="40"/>
      <c r="AL22" s="40"/>
    </row>
    <row r="23" spans="1:38" ht="15" customHeight="1" x14ac:dyDescent="0.15">
      <c r="C23" s="40"/>
      <c r="D23" s="40"/>
      <c r="E23" s="40"/>
      <c r="F23" s="40"/>
      <c r="G23" s="40"/>
      <c r="H23" s="40"/>
      <c r="I23" s="40"/>
      <c r="J23" s="40"/>
      <c r="K23" s="40"/>
      <c r="L23" s="40"/>
      <c r="M23" s="40"/>
      <c r="N23" s="40"/>
      <c r="O23" s="40"/>
      <c r="P23" s="40"/>
      <c r="Q23" s="40"/>
      <c r="R23" s="40"/>
      <c r="S23" s="40"/>
      <c r="T23" s="40"/>
      <c r="U23" s="40"/>
      <c r="V23" s="40"/>
      <c r="W23" s="40"/>
      <c r="X23" s="40"/>
      <c r="Y23" s="40"/>
      <c r="Z23" s="40"/>
      <c r="AA23" s="40"/>
      <c r="AB23" s="40"/>
      <c r="AC23" s="40"/>
      <c r="AD23" s="40"/>
      <c r="AE23" s="40"/>
      <c r="AF23" s="40"/>
      <c r="AG23" s="40"/>
      <c r="AH23" s="40"/>
      <c r="AI23" s="40"/>
      <c r="AJ23" s="40"/>
      <c r="AK23" s="40"/>
      <c r="AL23" s="40"/>
    </row>
    <row r="24" spans="1:38" ht="15" customHeight="1" x14ac:dyDescent="0.15">
      <c r="B24" s="73" t="s">
        <v>32</v>
      </c>
      <c r="C24" s="73"/>
      <c r="D24" s="73"/>
      <c r="E24" s="73"/>
      <c r="F24" s="73"/>
      <c r="G24" s="73"/>
      <c r="H24" s="73"/>
      <c r="I24" s="73"/>
      <c r="J24" s="73"/>
      <c r="K24" s="73"/>
      <c r="L24" s="73"/>
      <c r="M24" s="73"/>
      <c r="N24" s="73"/>
      <c r="O24" s="73"/>
      <c r="P24" s="73"/>
      <c r="Q24" s="73"/>
      <c r="R24" s="73"/>
      <c r="S24" s="73"/>
      <c r="T24" s="73"/>
      <c r="U24" s="73"/>
      <c r="V24" s="73"/>
      <c r="W24" s="73"/>
      <c r="X24" s="73"/>
      <c r="Y24" s="73"/>
      <c r="Z24" s="73"/>
      <c r="AA24" s="73"/>
      <c r="AB24" s="73"/>
      <c r="AC24" s="73"/>
      <c r="AD24" s="73"/>
      <c r="AE24" s="73"/>
      <c r="AF24" s="73"/>
      <c r="AG24" s="73"/>
      <c r="AH24" s="73"/>
      <c r="AI24" s="73"/>
      <c r="AJ24" s="73"/>
      <c r="AK24" s="73"/>
      <c r="AL24" s="73"/>
    </row>
    <row r="25" spans="1:38" ht="15" customHeight="1" x14ac:dyDescent="0.15">
      <c r="B25" s="73"/>
      <c r="C25" s="73"/>
      <c r="D25" s="73"/>
      <c r="E25" s="73"/>
      <c r="F25" s="73"/>
      <c r="G25" s="73"/>
      <c r="H25" s="73"/>
      <c r="I25" s="73"/>
      <c r="J25" s="73"/>
      <c r="K25" s="73"/>
      <c r="L25" s="73"/>
      <c r="M25" s="73"/>
      <c r="N25" s="73"/>
      <c r="O25" s="73"/>
      <c r="P25" s="73"/>
      <c r="Q25" s="73"/>
      <c r="R25" s="73"/>
      <c r="S25" s="73"/>
      <c r="T25" s="73"/>
      <c r="U25" s="73"/>
      <c r="V25" s="73"/>
      <c r="W25" s="73"/>
      <c r="X25" s="73"/>
      <c r="Y25" s="73"/>
      <c r="Z25" s="73"/>
      <c r="AA25" s="73"/>
      <c r="AB25" s="73"/>
      <c r="AC25" s="73"/>
      <c r="AD25" s="73"/>
      <c r="AE25" s="73"/>
      <c r="AF25" s="73"/>
      <c r="AG25" s="73"/>
      <c r="AH25" s="73"/>
      <c r="AI25" s="73"/>
      <c r="AJ25" s="73"/>
      <c r="AK25" s="73"/>
      <c r="AL25" s="73"/>
    </row>
    <row r="26" spans="1:38" ht="15" customHeight="1" x14ac:dyDescent="0.15">
      <c r="B26" s="73"/>
      <c r="C26" s="73"/>
      <c r="D26" s="73"/>
      <c r="E26" s="73"/>
      <c r="F26" s="73"/>
      <c r="G26" s="73"/>
      <c r="H26" s="73"/>
      <c r="I26" s="73"/>
      <c r="J26" s="73"/>
      <c r="K26" s="73"/>
      <c r="L26" s="73"/>
      <c r="M26" s="73"/>
      <c r="N26" s="73"/>
      <c r="O26" s="73"/>
      <c r="P26" s="73"/>
      <c r="Q26" s="73"/>
      <c r="R26" s="73"/>
      <c r="S26" s="73"/>
      <c r="T26" s="73"/>
      <c r="U26" s="73"/>
      <c r="V26" s="73"/>
      <c r="W26" s="73"/>
      <c r="X26" s="73"/>
      <c r="Y26" s="73"/>
      <c r="Z26" s="73"/>
      <c r="AA26" s="73"/>
      <c r="AB26" s="73"/>
      <c r="AC26" s="73"/>
      <c r="AD26" s="73"/>
      <c r="AE26" s="73"/>
      <c r="AF26" s="73"/>
      <c r="AG26" s="73"/>
      <c r="AH26" s="73"/>
      <c r="AI26" s="73"/>
      <c r="AJ26" s="73"/>
      <c r="AK26" s="73"/>
      <c r="AL26" s="73"/>
    </row>
    <row r="27" spans="1:38" ht="15" customHeight="1" x14ac:dyDescent="0.15">
      <c r="B27" s="42">
        <v>1</v>
      </c>
      <c r="C27" s="42"/>
      <c r="D27" s="88" t="s">
        <v>33</v>
      </c>
      <c r="E27" s="88"/>
      <c r="F27" s="88"/>
      <c r="G27" s="88"/>
      <c r="H27" s="88"/>
      <c r="I27" s="88"/>
      <c r="J27" s="88"/>
      <c r="K27" s="19"/>
      <c r="L27" s="40" t="s">
        <v>21</v>
      </c>
      <c r="M27" s="40"/>
      <c r="N27" s="42"/>
      <c r="O27" s="42"/>
      <c r="P27" s="42"/>
      <c r="Q27" s="42"/>
      <c r="R27" s="42" t="s">
        <v>22</v>
      </c>
      <c r="S27" s="42"/>
    </row>
    <row r="28" spans="1:38" ht="15" customHeight="1" x14ac:dyDescent="0.15">
      <c r="B28" s="42"/>
      <c r="C28" s="42"/>
      <c r="D28" s="88"/>
      <c r="E28" s="88"/>
      <c r="F28" s="88"/>
      <c r="G28" s="88"/>
      <c r="H28" s="88"/>
      <c r="I28" s="88"/>
      <c r="J28" s="88"/>
      <c r="K28" s="19"/>
      <c r="L28" s="40"/>
      <c r="M28" s="40"/>
      <c r="N28" s="42"/>
      <c r="O28" s="42"/>
      <c r="P28" s="42"/>
      <c r="Q28" s="42"/>
      <c r="R28" s="42"/>
      <c r="S28" s="42"/>
    </row>
    <row r="29" spans="1:38" ht="15" customHeight="1" x14ac:dyDescent="0.15">
      <c r="B29" s="42"/>
      <c r="C29" s="42"/>
      <c r="D29" s="88"/>
      <c r="E29" s="88"/>
      <c r="F29" s="88"/>
      <c r="G29" s="88"/>
      <c r="H29" s="88"/>
      <c r="I29" s="88"/>
      <c r="J29" s="88"/>
      <c r="K29" s="19"/>
      <c r="L29" s="40"/>
      <c r="M29" s="40"/>
      <c r="N29" s="42"/>
      <c r="O29" s="42"/>
      <c r="P29" s="42"/>
      <c r="Q29" s="42"/>
      <c r="R29" s="42"/>
      <c r="S29" s="42"/>
    </row>
    <row r="30" spans="1:38" ht="15" customHeight="1" x14ac:dyDescent="0.15">
      <c r="B30" s="42">
        <v>2</v>
      </c>
      <c r="C30" s="42"/>
      <c r="D30" s="88" t="s">
        <v>34</v>
      </c>
      <c r="E30" s="88"/>
      <c r="F30" s="88"/>
      <c r="G30" s="88"/>
      <c r="H30" s="88"/>
      <c r="I30" s="88"/>
      <c r="J30" s="88"/>
      <c r="K30" s="19"/>
      <c r="L30" s="40" t="s">
        <v>10</v>
      </c>
      <c r="M30" s="40"/>
      <c r="N30" s="40"/>
      <c r="O30" s="40"/>
      <c r="P30" s="42"/>
      <c r="Q30" s="42"/>
      <c r="R30" s="42"/>
      <c r="S30" s="42"/>
      <c r="T30" s="42"/>
      <c r="U30" s="42"/>
      <c r="V30" s="42"/>
      <c r="W30" s="42"/>
      <c r="X30" s="42"/>
      <c r="Y30" s="42"/>
      <c r="Z30" s="42"/>
      <c r="AA30" s="42"/>
      <c r="AB30" s="42"/>
      <c r="AC30" s="42"/>
      <c r="AD30" s="42"/>
      <c r="AE30" s="42"/>
      <c r="AF30" s="42"/>
      <c r="AG30" s="42"/>
      <c r="AH30" s="42"/>
      <c r="AI30" s="42"/>
    </row>
    <row r="31" spans="1:38" ht="15" customHeight="1" x14ac:dyDescent="0.15">
      <c r="B31" s="42"/>
      <c r="C31" s="42"/>
      <c r="D31" s="88"/>
      <c r="E31" s="88"/>
      <c r="F31" s="88"/>
      <c r="G31" s="88"/>
      <c r="H31" s="88"/>
      <c r="I31" s="88"/>
      <c r="J31" s="88"/>
      <c r="K31" s="19"/>
      <c r="L31" s="40"/>
      <c r="M31" s="40"/>
      <c r="N31" s="40"/>
      <c r="O31" s="40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  <c r="AG31" s="42"/>
      <c r="AH31" s="42"/>
      <c r="AI31" s="42"/>
    </row>
    <row r="32" spans="1:38" ht="15" customHeight="1" x14ac:dyDescent="0.15">
      <c r="B32" s="42"/>
      <c r="C32" s="42"/>
      <c r="D32" s="88"/>
      <c r="E32" s="88"/>
      <c r="F32" s="88"/>
      <c r="G32" s="88"/>
      <c r="H32" s="88"/>
      <c r="I32" s="88"/>
      <c r="J32" s="88"/>
      <c r="K32" s="19"/>
      <c r="L32" s="40"/>
      <c r="M32" s="40"/>
      <c r="N32" s="40"/>
      <c r="O32" s="40"/>
      <c r="P32" s="42"/>
      <c r="Q32" s="42"/>
      <c r="R32" s="42"/>
      <c r="S32" s="42"/>
      <c r="T32" s="42"/>
      <c r="U32" s="42"/>
      <c r="V32" s="42"/>
      <c r="W32" s="42"/>
      <c r="X32" s="42"/>
      <c r="Y32" s="42"/>
      <c r="Z32" s="42"/>
      <c r="AA32" s="42"/>
      <c r="AB32" s="42"/>
      <c r="AC32" s="42"/>
      <c r="AD32" s="42"/>
      <c r="AE32" s="42"/>
      <c r="AF32" s="42"/>
      <c r="AG32" s="42"/>
      <c r="AH32" s="42"/>
      <c r="AI32" s="42"/>
    </row>
    <row r="33" spans="2:38" ht="15" customHeight="1" x14ac:dyDescent="0.15">
      <c r="B33" s="42">
        <v>3</v>
      </c>
      <c r="C33" s="42"/>
      <c r="D33" s="88" t="s">
        <v>35</v>
      </c>
      <c r="E33" s="88"/>
      <c r="F33" s="88"/>
      <c r="G33" s="88"/>
      <c r="H33" s="88"/>
      <c r="I33" s="88"/>
      <c r="J33" s="88"/>
      <c r="K33" s="19"/>
      <c r="L33" s="40"/>
      <c r="M33" s="40"/>
      <c r="N33" s="40"/>
      <c r="O33" s="40"/>
      <c r="P33" s="40"/>
      <c r="Q33" s="40"/>
      <c r="R33" s="40"/>
      <c r="S33" s="40"/>
      <c r="T33" s="40"/>
      <c r="U33" s="40"/>
      <c r="V33" s="40"/>
      <c r="W33" s="40"/>
      <c r="X33" s="40"/>
      <c r="Y33" s="40"/>
      <c r="Z33" s="40"/>
      <c r="AA33" s="40"/>
      <c r="AB33" s="40"/>
      <c r="AC33" s="40"/>
      <c r="AD33" s="40"/>
      <c r="AE33" s="40"/>
      <c r="AF33" s="40"/>
      <c r="AG33" s="40"/>
      <c r="AH33" s="40"/>
      <c r="AI33" s="40"/>
    </row>
    <row r="34" spans="2:38" ht="15" customHeight="1" x14ac:dyDescent="0.15">
      <c r="B34" s="42"/>
      <c r="C34" s="42"/>
      <c r="D34" s="88"/>
      <c r="E34" s="88"/>
      <c r="F34" s="88"/>
      <c r="G34" s="88"/>
      <c r="H34" s="88"/>
      <c r="I34" s="88"/>
      <c r="J34" s="88"/>
      <c r="K34" s="19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  <c r="W34" s="40"/>
      <c r="X34" s="40"/>
      <c r="Y34" s="40"/>
      <c r="Z34" s="40"/>
      <c r="AA34" s="40"/>
      <c r="AB34" s="40"/>
      <c r="AC34" s="40"/>
      <c r="AD34" s="40"/>
      <c r="AE34" s="40"/>
      <c r="AF34" s="40"/>
      <c r="AG34" s="40"/>
      <c r="AH34" s="40"/>
      <c r="AI34" s="40"/>
    </row>
    <row r="35" spans="2:38" ht="15" customHeight="1" x14ac:dyDescent="0.15">
      <c r="B35" s="42"/>
      <c r="C35" s="42"/>
      <c r="D35" s="88"/>
      <c r="E35" s="88"/>
      <c r="F35" s="88"/>
      <c r="G35" s="88"/>
      <c r="H35" s="88"/>
      <c r="I35" s="88"/>
      <c r="J35" s="88"/>
      <c r="K35" s="19"/>
      <c r="L35" s="40"/>
      <c r="M35" s="40"/>
      <c r="N35" s="40"/>
      <c r="O35" s="40"/>
      <c r="P35" s="40"/>
      <c r="Q35" s="40"/>
      <c r="R35" s="40"/>
      <c r="S35" s="40"/>
      <c r="T35" s="40"/>
      <c r="U35" s="40"/>
      <c r="V35" s="40"/>
      <c r="W35" s="40"/>
      <c r="X35" s="40"/>
      <c r="Y35" s="40"/>
      <c r="Z35" s="40"/>
      <c r="AA35" s="40"/>
      <c r="AB35" s="40"/>
      <c r="AC35" s="40"/>
      <c r="AD35" s="40"/>
      <c r="AE35" s="40"/>
      <c r="AF35" s="40"/>
      <c r="AG35" s="40"/>
      <c r="AH35" s="40"/>
      <c r="AI35" s="40"/>
    </row>
    <row r="36" spans="2:38" ht="15" customHeight="1" x14ac:dyDescent="0.15">
      <c r="B36" s="42">
        <v>4</v>
      </c>
      <c r="C36" s="42"/>
      <c r="D36" s="88" t="s">
        <v>36</v>
      </c>
      <c r="E36" s="88"/>
      <c r="F36" s="88"/>
      <c r="G36" s="88"/>
      <c r="H36" s="88"/>
      <c r="I36" s="88"/>
      <c r="J36" s="88"/>
      <c r="L36" s="44"/>
      <c r="M36" s="44"/>
      <c r="N36" s="44"/>
      <c r="O36" s="44"/>
      <c r="P36" s="44" t="s">
        <v>1</v>
      </c>
      <c r="Q36" s="44"/>
      <c r="R36" s="44"/>
      <c r="S36" s="44" t="s">
        <v>2</v>
      </c>
      <c r="T36" s="44"/>
      <c r="U36" s="44"/>
      <c r="V36" s="44" t="s">
        <v>3</v>
      </c>
      <c r="W36" s="44" t="s">
        <v>12</v>
      </c>
      <c r="X36" s="44"/>
      <c r="Y36" s="44"/>
      <c r="Z36" s="44"/>
      <c r="AA36" s="44"/>
      <c r="AB36" s="44"/>
      <c r="AC36" s="44" t="s">
        <v>1</v>
      </c>
      <c r="AD36" s="44"/>
      <c r="AE36" s="44"/>
      <c r="AF36" s="44" t="s">
        <v>2</v>
      </c>
      <c r="AG36" s="44"/>
      <c r="AH36" s="44"/>
      <c r="AI36" s="44" t="s">
        <v>3</v>
      </c>
      <c r="AL36" s="1"/>
    </row>
    <row r="37" spans="2:38" ht="15" customHeight="1" x14ac:dyDescent="0.15">
      <c r="B37" s="42"/>
      <c r="C37" s="42"/>
      <c r="D37" s="88"/>
      <c r="E37" s="88"/>
      <c r="F37" s="88"/>
      <c r="G37" s="88"/>
      <c r="H37" s="88"/>
      <c r="I37" s="88"/>
      <c r="J37" s="88"/>
      <c r="L37" s="44"/>
      <c r="M37" s="44"/>
      <c r="N37" s="44"/>
      <c r="O37" s="44"/>
      <c r="P37" s="44"/>
      <c r="Q37" s="44"/>
      <c r="R37" s="44"/>
      <c r="S37" s="44"/>
      <c r="T37" s="44"/>
      <c r="U37" s="44"/>
      <c r="V37" s="44"/>
      <c r="W37" s="44"/>
      <c r="X37" s="44"/>
      <c r="Y37" s="44"/>
      <c r="Z37" s="44"/>
      <c r="AA37" s="44"/>
      <c r="AB37" s="44"/>
      <c r="AC37" s="44"/>
      <c r="AD37" s="44"/>
      <c r="AE37" s="44"/>
      <c r="AF37" s="44"/>
      <c r="AG37" s="44"/>
      <c r="AH37" s="44"/>
      <c r="AI37" s="44"/>
      <c r="AL37" s="1"/>
    </row>
    <row r="38" spans="2:38" ht="15" customHeight="1" x14ac:dyDescent="0.15">
      <c r="B38" s="42"/>
      <c r="C38" s="42"/>
      <c r="D38" s="88"/>
      <c r="E38" s="88"/>
      <c r="F38" s="88"/>
      <c r="G38" s="88"/>
      <c r="H38" s="88"/>
      <c r="I38" s="88"/>
      <c r="J38" s="88"/>
      <c r="L38" s="44"/>
      <c r="M38" s="44"/>
      <c r="N38" s="44"/>
      <c r="O38" s="44"/>
      <c r="P38" s="44"/>
      <c r="Q38" s="44"/>
      <c r="R38" s="44"/>
      <c r="S38" s="44"/>
      <c r="T38" s="44"/>
      <c r="U38" s="44"/>
      <c r="V38" s="44"/>
      <c r="W38" s="44"/>
      <c r="X38" s="44"/>
      <c r="Y38" s="44"/>
      <c r="Z38" s="44"/>
      <c r="AA38" s="44"/>
      <c r="AB38" s="44"/>
      <c r="AC38" s="44"/>
      <c r="AD38" s="44"/>
      <c r="AE38" s="44"/>
      <c r="AF38" s="44"/>
      <c r="AG38" s="44"/>
      <c r="AH38" s="44"/>
      <c r="AI38" s="44"/>
    </row>
    <row r="39" spans="2:38" ht="15" customHeight="1" x14ac:dyDescent="0.15">
      <c r="B39" s="42">
        <v>5</v>
      </c>
      <c r="C39" s="42"/>
      <c r="D39" s="88" t="s">
        <v>37</v>
      </c>
      <c r="E39" s="88"/>
      <c r="F39" s="88"/>
      <c r="G39" s="88"/>
      <c r="H39" s="88"/>
      <c r="I39" s="88"/>
      <c r="J39" s="88"/>
      <c r="L39" s="44"/>
      <c r="M39" s="44"/>
      <c r="N39" s="44"/>
      <c r="O39" s="44"/>
      <c r="P39" s="44" t="s">
        <v>1</v>
      </c>
      <c r="Q39" s="44"/>
      <c r="R39" s="44"/>
      <c r="S39" s="44" t="s">
        <v>2</v>
      </c>
      <c r="T39" s="44"/>
      <c r="U39" s="44"/>
      <c r="V39" s="44" t="s">
        <v>3</v>
      </c>
      <c r="W39" s="44" t="s">
        <v>12</v>
      </c>
      <c r="X39" s="44"/>
      <c r="Y39" s="44"/>
      <c r="Z39" s="44"/>
      <c r="AA39" s="44"/>
      <c r="AB39" s="44"/>
      <c r="AC39" s="44" t="s">
        <v>1</v>
      </c>
      <c r="AD39" s="44"/>
      <c r="AE39" s="44"/>
      <c r="AF39" s="44" t="s">
        <v>2</v>
      </c>
      <c r="AG39" s="44"/>
      <c r="AH39" s="44"/>
      <c r="AI39" s="44" t="s">
        <v>3</v>
      </c>
      <c r="AL39" s="1"/>
    </row>
    <row r="40" spans="2:38" ht="15" customHeight="1" x14ac:dyDescent="0.15">
      <c r="B40" s="42"/>
      <c r="C40" s="42"/>
      <c r="D40" s="88"/>
      <c r="E40" s="88"/>
      <c r="F40" s="88"/>
      <c r="G40" s="88"/>
      <c r="H40" s="88"/>
      <c r="I40" s="88"/>
      <c r="J40" s="88"/>
      <c r="L40" s="44"/>
      <c r="M40" s="44"/>
      <c r="N40" s="44"/>
      <c r="O40" s="44"/>
      <c r="P40" s="44"/>
      <c r="Q40" s="44"/>
      <c r="R40" s="44"/>
      <c r="S40" s="44"/>
      <c r="T40" s="44"/>
      <c r="U40" s="44"/>
      <c r="V40" s="44"/>
      <c r="W40" s="44"/>
      <c r="X40" s="44"/>
      <c r="Y40" s="44"/>
      <c r="Z40" s="44"/>
      <c r="AA40" s="44"/>
      <c r="AB40" s="44"/>
      <c r="AC40" s="44"/>
      <c r="AD40" s="44"/>
      <c r="AE40" s="44"/>
      <c r="AF40" s="44"/>
      <c r="AG40" s="44"/>
      <c r="AH40" s="44"/>
      <c r="AI40" s="44"/>
      <c r="AL40" s="1"/>
    </row>
    <row r="41" spans="2:38" ht="15" customHeight="1" x14ac:dyDescent="0.15">
      <c r="B41" s="42"/>
      <c r="C41" s="42"/>
      <c r="D41" s="88"/>
      <c r="E41" s="88"/>
      <c r="F41" s="88"/>
      <c r="G41" s="88"/>
      <c r="H41" s="88"/>
      <c r="I41" s="88"/>
      <c r="J41" s="88"/>
      <c r="K41" s="19"/>
      <c r="L41" s="44"/>
      <c r="M41" s="44"/>
      <c r="N41" s="44"/>
      <c r="O41" s="44"/>
      <c r="P41" s="44"/>
      <c r="Q41" s="44"/>
      <c r="R41" s="44"/>
      <c r="S41" s="44"/>
      <c r="T41" s="44"/>
      <c r="U41" s="44"/>
      <c r="V41" s="44"/>
      <c r="W41" s="44"/>
      <c r="X41" s="44"/>
      <c r="Y41" s="44"/>
      <c r="Z41" s="44"/>
      <c r="AA41" s="44"/>
      <c r="AB41" s="44"/>
      <c r="AC41" s="44"/>
      <c r="AD41" s="44"/>
      <c r="AE41" s="44"/>
      <c r="AF41" s="44"/>
      <c r="AG41" s="44"/>
      <c r="AH41" s="44"/>
      <c r="AI41" s="44"/>
    </row>
    <row r="42" spans="2:38" ht="15" customHeight="1" x14ac:dyDescent="0.15">
      <c r="B42" s="42">
        <v>6</v>
      </c>
      <c r="C42" s="42"/>
      <c r="D42" s="88" t="s">
        <v>38</v>
      </c>
      <c r="E42" s="88"/>
      <c r="F42" s="88"/>
      <c r="G42" s="88"/>
      <c r="H42" s="88"/>
      <c r="I42" s="88"/>
      <c r="J42" s="88"/>
      <c r="K42" s="19"/>
      <c r="L42" s="40" t="s">
        <v>39</v>
      </c>
      <c r="M42" s="40"/>
      <c r="N42" s="42"/>
      <c r="O42" s="42"/>
      <c r="P42" s="42"/>
      <c r="Q42" s="42"/>
      <c r="R42" s="44" t="s">
        <v>3</v>
      </c>
      <c r="S42" s="44"/>
      <c r="T42" s="42" t="s">
        <v>40</v>
      </c>
      <c r="U42" s="42"/>
    </row>
    <row r="43" spans="2:38" ht="15" customHeight="1" x14ac:dyDescent="0.15">
      <c r="B43" s="42"/>
      <c r="C43" s="42"/>
      <c r="D43" s="88"/>
      <c r="E43" s="88"/>
      <c r="F43" s="88"/>
      <c r="G43" s="88"/>
      <c r="H43" s="88"/>
      <c r="I43" s="88"/>
      <c r="J43" s="88"/>
      <c r="K43" s="19"/>
      <c r="L43" s="40"/>
      <c r="M43" s="40"/>
      <c r="N43" s="42"/>
      <c r="O43" s="42"/>
      <c r="P43" s="42"/>
      <c r="Q43" s="42"/>
      <c r="R43" s="44"/>
      <c r="S43" s="44"/>
      <c r="T43" s="42"/>
      <c r="U43" s="42"/>
    </row>
    <row r="44" spans="2:38" ht="15" customHeight="1" x14ac:dyDescent="0.15">
      <c r="B44" s="42"/>
      <c r="C44" s="42"/>
      <c r="D44" s="88"/>
      <c r="E44" s="88"/>
      <c r="F44" s="88"/>
      <c r="G44" s="88"/>
      <c r="H44" s="88"/>
      <c r="I44" s="88"/>
      <c r="J44" s="88"/>
      <c r="K44" s="19"/>
      <c r="L44" s="40"/>
      <c r="M44" s="40"/>
      <c r="N44" s="42"/>
      <c r="O44" s="42"/>
      <c r="P44" s="42"/>
      <c r="Q44" s="42"/>
      <c r="R44" s="44"/>
      <c r="S44" s="44"/>
      <c r="T44" s="42"/>
      <c r="U44" s="42"/>
    </row>
    <row r="45" spans="2:38" ht="15" customHeight="1" x14ac:dyDescent="0.15">
      <c r="B45" s="42">
        <v>7</v>
      </c>
      <c r="C45" s="42"/>
      <c r="D45" s="88" t="s">
        <v>41</v>
      </c>
      <c r="E45" s="88"/>
      <c r="F45" s="88"/>
      <c r="G45" s="88"/>
      <c r="H45" s="88"/>
      <c r="I45" s="88"/>
      <c r="J45" s="88"/>
      <c r="K45" s="19"/>
      <c r="L45" s="42"/>
      <c r="M45" s="42"/>
      <c r="N45" s="42"/>
      <c r="O45" s="42"/>
      <c r="P45" s="42"/>
      <c r="Q45" s="42"/>
      <c r="R45" s="42"/>
      <c r="S45" s="42"/>
      <c r="T45" s="42"/>
      <c r="U45" s="42"/>
      <c r="V45" s="42"/>
      <c r="W45" s="42"/>
      <c r="X45" s="42"/>
      <c r="Y45" s="42"/>
      <c r="Z45" s="42"/>
      <c r="AA45" s="42"/>
      <c r="AB45" s="42"/>
      <c r="AC45" s="42"/>
      <c r="AD45" s="42"/>
      <c r="AE45" s="42"/>
      <c r="AF45" s="42"/>
      <c r="AG45" s="42"/>
      <c r="AH45" s="42"/>
      <c r="AI45" s="42"/>
    </row>
    <row r="46" spans="2:38" ht="15" customHeight="1" x14ac:dyDescent="0.15">
      <c r="B46" s="42"/>
      <c r="C46" s="42"/>
      <c r="D46" s="88"/>
      <c r="E46" s="88"/>
      <c r="F46" s="88"/>
      <c r="G46" s="88"/>
      <c r="H46" s="88"/>
      <c r="I46" s="88"/>
      <c r="J46" s="88"/>
      <c r="K46" s="19"/>
      <c r="L46" s="42"/>
      <c r="M46" s="42"/>
      <c r="N46" s="42"/>
      <c r="O46" s="42"/>
      <c r="P46" s="42"/>
      <c r="Q46" s="42"/>
      <c r="R46" s="42"/>
      <c r="S46" s="42"/>
      <c r="T46" s="42"/>
      <c r="U46" s="42"/>
      <c r="V46" s="42"/>
      <c r="W46" s="42"/>
      <c r="X46" s="42"/>
      <c r="Y46" s="42"/>
      <c r="Z46" s="42"/>
      <c r="AA46" s="42"/>
      <c r="AB46" s="42"/>
      <c r="AC46" s="42"/>
      <c r="AD46" s="42"/>
      <c r="AE46" s="42"/>
      <c r="AF46" s="42"/>
      <c r="AG46" s="42"/>
      <c r="AH46" s="42"/>
      <c r="AI46" s="42"/>
    </row>
    <row r="47" spans="2:38" ht="15" customHeight="1" x14ac:dyDescent="0.15">
      <c r="B47" s="42"/>
      <c r="C47" s="42"/>
      <c r="D47" s="88"/>
      <c r="E47" s="88"/>
      <c r="F47" s="88"/>
      <c r="G47" s="88"/>
      <c r="H47" s="88"/>
      <c r="I47" s="88"/>
      <c r="J47" s="88"/>
      <c r="K47" s="19"/>
      <c r="L47" s="42"/>
      <c r="M47" s="42"/>
      <c r="N47" s="42"/>
      <c r="O47" s="42"/>
      <c r="P47" s="42"/>
      <c r="Q47" s="42"/>
      <c r="R47" s="42"/>
      <c r="S47" s="42"/>
      <c r="T47" s="42"/>
      <c r="U47" s="42"/>
      <c r="V47" s="42"/>
      <c r="W47" s="42"/>
      <c r="X47" s="42"/>
      <c r="Y47" s="42"/>
      <c r="Z47" s="42"/>
      <c r="AA47" s="42"/>
      <c r="AB47" s="42"/>
      <c r="AC47" s="42"/>
      <c r="AD47" s="42"/>
      <c r="AE47" s="42"/>
      <c r="AF47" s="42"/>
      <c r="AG47" s="42"/>
      <c r="AH47" s="42"/>
      <c r="AI47" s="42"/>
    </row>
    <row r="48" spans="2:38" ht="15" customHeight="1" x14ac:dyDescent="0.15">
      <c r="B48" s="80" t="s">
        <v>42</v>
      </c>
      <c r="C48" s="80"/>
      <c r="D48" s="80"/>
      <c r="E48" s="80"/>
      <c r="F48" s="80"/>
      <c r="G48" s="80"/>
      <c r="H48" s="80"/>
      <c r="I48" s="80"/>
      <c r="J48" s="80"/>
      <c r="K48" s="20"/>
    </row>
    <row r="49" spans="1:38" ht="15" customHeight="1" x14ac:dyDescent="0.15">
      <c r="B49" s="80"/>
      <c r="C49" s="80"/>
      <c r="D49" s="80"/>
      <c r="E49" s="80"/>
      <c r="F49" s="80"/>
      <c r="G49" s="80"/>
      <c r="H49" s="80"/>
      <c r="I49" s="80"/>
      <c r="J49" s="80"/>
      <c r="K49" s="20"/>
    </row>
    <row r="50" spans="1:38" ht="15" customHeight="1" x14ac:dyDescent="0.15">
      <c r="B50" s="80"/>
      <c r="C50" s="80"/>
      <c r="D50" s="80"/>
      <c r="E50" s="80"/>
      <c r="F50" s="80"/>
      <c r="G50" s="80"/>
      <c r="H50" s="80"/>
      <c r="I50" s="80"/>
      <c r="J50" s="80"/>
      <c r="K50" s="20"/>
    </row>
    <row r="51" spans="1:38" ht="15" customHeight="1" x14ac:dyDescent="0.15"/>
    <row r="52" spans="1:38" ht="15" customHeight="1" x14ac:dyDescent="0.15"/>
    <row r="53" spans="1:38" ht="15" customHeight="1" x14ac:dyDescent="0.15"/>
    <row r="54" spans="1:38" ht="15" customHeight="1" x14ac:dyDescent="0.15"/>
    <row r="55" spans="1:38" ht="15" customHeight="1" x14ac:dyDescent="0.15"/>
    <row r="56" spans="1:38" ht="15" customHeight="1" x14ac:dyDescent="0.15"/>
    <row r="57" spans="1:38" ht="15" customHeight="1" x14ac:dyDescent="0.15"/>
    <row r="58" spans="1:38" ht="15" customHeight="1" x14ac:dyDescent="0.15">
      <c r="A58" s="1"/>
      <c r="AL58" s="1"/>
    </row>
    <row r="59" spans="1:38" ht="15" customHeight="1" x14ac:dyDescent="0.15">
      <c r="A59" s="1"/>
      <c r="AL59" s="1"/>
    </row>
    <row r="60" spans="1:38" ht="15" customHeight="1" x14ac:dyDescent="0.15">
      <c r="A60" s="1"/>
      <c r="AL60" s="1"/>
    </row>
    <row r="61" spans="1:38" ht="15" customHeight="1" x14ac:dyDescent="0.15">
      <c r="A61" s="1"/>
      <c r="AL61" s="1"/>
    </row>
    <row r="62" spans="1:38" ht="15" customHeight="1" x14ac:dyDescent="0.15"/>
    <row r="63" spans="1:38" ht="15" customHeight="1" x14ac:dyDescent="0.15"/>
    <row r="64" spans="1:38" ht="15" customHeight="1" x14ac:dyDescent="0.15"/>
    <row r="65" ht="15" customHeight="1" x14ac:dyDescent="0.15"/>
    <row r="66" ht="15" customHeight="1" x14ac:dyDescent="0.15"/>
    <row r="67" ht="15" customHeight="1" x14ac:dyDescent="0.15"/>
    <row r="68" ht="15" customHeight="1" x14ac:dyDescent="0.15"/>
    <row r="69" ht="15" customHeight="1" x14ac:dyDescent="0.15"/>
    <row r="70" ht="15" customHeight="1" x14ac:dyDescent="0.15"/>
    <row r="71" ht="15" customHeight="1" x14ac:dyDescent="0.15"/>
    <row r="72" ht="15" customHeight="1" x14ac:dyDescent="0.15"/>
    <row r="73" ht="15" customHeight="1" x14ac:dyDescent="0.15"/>
    <row r="74" ht="15" customHeight="1" x14ac:dyDescent="0.15"/>
    <row r="75" ht="15" customHeight="1" x14ac:dyDescent="0.15"/>
    <row r="76" ht="15" customHeight="1" x14ac:dyDescent="0.15"/>
    <row r="77" ht="15" customHeight="1" x14ac:dyDescent="0.15"/>
    <row r="78" ht="15" customHeight="1" x14ac:dyDescent="0.15"/>
    <row r="79" ht="15" customHeight="1" x14ac:dyDescent="0.15"/>
    <row r="80" ht="15" customHeight="1" x14ac:dyDescent="0.15"/>
    <row r="81" ht="15" customHeight="1" x14ac:dyDescent="0.15"/>
    <row r="82" ht="15" customHeight="1" x14ac:dyDescent="0.15"/>
    <row r="83" ht="15" customHeight="1" x14ac:dyDescent="0.15"/>
    <row r="84" ht="15" customHeight="1" x14ac:dyDescent="0.15"/>
    <row r="85" ht="15" customHeight="1" x14ac:dyDescent="0.15"/>
    <row r="86" ht="15" customHeight="1" x14ac:dyDescent="0.15"/>
    <row r="87" ht="15" customHeight="1" x14ac:dyDescent="0.15"/>
    <row r="88" ht="15" customHeight="1" x14ac:dyDescent="0.15"/>
    <row r="89" ht="15" customHeight="1" x14ac:dyDescent="0.15"/>
    <row r="90" ht="15" customHeight="1" x14ac:dyDescent="0.15"/>
    <row r="91" ht="15" customHeight="1" x14ac:dyDescent="0.15"/>
    <row r="92" ht="15" customHeight="1" x14ac:dyDescent="0.15"/>
    <row r="93" ht="15" customHeight="1" x14ac:dyDescent="0.15"/>
    <row r="94" ht="15" customHeight="1" x14ac:dyDescent="0.15"/>
    <row r="95" ht="15" customHeight="1" x14ac:dyDescent="0.15"/>
    <row r="96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5" customHeight="1" x14ac:dyDescent="0.15"/>
    <row r="102" ht="15" customHeight="1" x14ac:dyDescent="0.15"/>
    <row r="103" ht="15" customHeight="1" x14ac:dyDescent="0.15"/>
    <row r="104" ht="15" customHeight="1" x14ac:dyDescent="0.15"/>
    <row r="105" ht="15" customHeight="1" x14ac:dyDescent="0.15"/>
    <row r="106" ht="15" customHeight="1" x14ac:dyDescent="0.15"/>
    <row r="107" ht="15" customHeight="1" x14ac:dyDescent="0.15"/>
    <row r="108" ht="15" customHeight="1" x14ac:dyDescent="0.15"/>
    <row r="109" ht="15" customHeight="1" x14ac:dyDescent="0.15"/>
    <row r="110" ht="15" customHeight="1" x14ac:dyDescent="0.15"/>
    <row r="111" ht="15" customHeight="1" x14ac:dyDescent="0.15"/>
    <row r="112" ht="15" customHeight="1" x14ac:dyDescent="0.15"/>
    <row r="113" ht="15" customHeight="1" x14ac:dyDescent="0.15"/>
    <row r="114" ht="15" customHeight="1" x14ac:dyDescent="0.15"/>
    <row r="115" ht="15" customHeight="1" x14ac:dyDescent="0.15"/>
    <row r="116" ht="15" customHeight="1" x14ac:dyDescent="0.15"/>
    <row r="117" ht="15" customHeight="1" x14ac:dyDescent="0.15"/>
    <row r="118" ht="15" customHeight="1" x14ac:dyDescent="0.15"/>
    <row r="119" ht="15" customHeight="1" x14ac:dyDescent="0.15"/>
    <row r="120" ht="15" customHeight="1" x14ac:dyDescent="0.15"/>
    <row r="121" ht="15" customHeight="1" x14ac:dyDescent="0.15"/>
    <row r="122" ht="15" customHeight="1" x14ac:dyDescent="0.15"/>
    <row r="123" ht="15" customHeight="1" x14ac:dyDescent="0.15"/>
    <row r="124" ht="15" customHeight="1" x14ac:dyDescent="0.15"/>
    <row r="125" ht="15" customHeight="1" x14ac:dyDescent="0.15"/>
    <row r="126" ht="15" customHeight="1" x14ac:dyDescent="0.15"/>
    <row r="127" ht="15" customHeight="1" x14ac:dyDescent="0.15"/>
    <row r="128" ht="15" customHeight="1" x14ac:dyDescent="0.15"/>
    <row r="129" ht="15" customHeight="1" x14ac:dyDescent="0.15"/>
    <row r="130" ht="15" customHeight="1" x14ac:dyDescent="0.15"/>
    <row r="131" ht="15" customHeight="1" x14ac:dyDescent="0.15"/>
    <row r="132" ht="15" customHeight="1" x14ac:dyDescent="0.15"/>
    <row r="133" ht="15" customHeight="1" x14ac:dyDescent="0.15"/>
    <row r="134" ht="15" customHeight="1" x14ac:dyDescent="0.15"/>
    <row r="135" ht="15" customHeight="1" x14ac:dyDescent="0.15"/>
    <row r="136" ht="15" customHeight="1" x14ac:dyDescent="0.15"/>
    <row r="137" ht="15" customHeight="1" x14ac:dyDescent="0.15"/>
    <row r="138" ht="15" customHeight="1" x14ac:dyDescent="0.15"/>
    <row r="139" ht="15" customHeight="1" x14ac:dyDescent="0.15"/>
    <row r="140" ht="15" customHeight="1" x14ac:dyDescent="0.15"/>
    <row r="141" ht="15" customHeight="1" x14ac:dyDescent="0.15"/>
    <row r="142" ht="15" customHeight="1" x14ac:dyDescent="0.15"/>
    <row r="143" ht="15" customHeight="1" x14ac:dyDescent="0.15"/>
    <row r="144" ht="15" customHeight="1" x14ac:dyDescent="0.15"/>
    <row r="145" ht="15" customHeight="1" x14ac:dyDescent="0.15"/>
    <row r="146" ht="15" customHeight="1" x14ac:dyDescent="0.15"/>
    <row r="147" ht="15" customHeight="1" x14ac:dyDescent="0.15"/>
    <row r="148" ht="15" customHeight="1" x14ac:dyDescent="0.15"/>
    <row r="149" ht="15" customHeight="1" x14ac:dyDescent="0.15"/>
    <row r="150" ht="15" customHeight="1" x14ac:dyDescent="0.15"/>
    <row r="151" ht="15" customHeight="1" x14ac:dyDescent="0.15"/>
    <row r="152" ht="15" customHeight="1" x14ac:dyDescent="0.15"/>
    <row r="153" ht="15" customHeight="1" x14ac:dyDescent="0.15"/>
    <row r="154" ht="15" customHeight="1" x14ac:dyDescent="0.15"/>
    <row r="155" ht="15" customHeight="1" x14ac:dyDescent="0.15"/>
    <row r="156" ht="15" customHeight="1" x14ac:dyDescent="0.15"/>
    <row r="157" ht="15" customHeight="1" x14ac:dyDescent="0.15"/>
    <row r="158" ht="15" customHeight="1" x14ac:dyDescent="0.15"/>
    <row r="159" ht="15" customHeight="1" x14ac:dyDescent="0.15"/>
    <row r="160" ht="15" customHeight="1" x14ac:dyDescent="0.15"/>
    <row r="161" ht="15" customHeight="1" x14ac:dyDescent="0.15"/>
    <row r="162" ht="15" customHeight="1" x14ac:dyDescent="0.15"/>
    <row r="163" ht="15" customHeight="1" x14ac:dyDescent="0.15"/>
    <row r="164" ht="15" customHeight="1" x14ac:dyDescent="0.15"/>
    <row r="165" ht="15" customHeight="1" x14ac:dyDescent="0.15"/>
    <row r="166" ht="15" customHeight="1" x14ac:dyDescent="0.15"/>
    <row r="167" ht="15" customHeight="1" x14ac:dyDescent="0.15"/>
    <row r="168" ht="15" customHeight="1" x14ac:dyDescent="0.15"/>
    <row r="169" ht="15" customHeight="1" x14ac:dyDescent="0.15"/>
    <row r="170" ht="15" customHeight="1" x14ac:dyDescent="0.15"/>
    <row r="171" ht="15" customHeight="1" x14ac:dyDescent="0.15"/>
    <row r="172" ht="15" customHeight="1" x14ac:dyDescent="0.15"/>
    <row r="173" ht="15" customHeight="1" x14ac:dyDescent="0.15"/>
    <row r="174" ht="15" customHeight="1" x14ac:dyDescent="0.15"/>
    <row r="175" ht="15" customHeight="1" x14ac:dyDescent="0.15"/>
    <row r="176" ht="15" customHeight="1" x14ac:dyDescent="0.15"/>
    <row r="177" ht="15" customHeight="1" x14ac:dyDescent="0.15"/>
    <row r="178" ht="15" customHeight="1" x14ac:dyDescent="0.15"/>
    <row r="179" ht="15" customHeight="1" x14ac:dyDescent="0.15"/>
    <row r="180" ht="15" customHeight="1" x14ac:dyDescent="0.15"/>
    <row r="181" ht="15" customHeight="1" x14ac:dyDescent="0.15"/>
    <row r="182" ht="15" customHeight="1" x14ac:dyDescent="0.15"/>
    <row r="183" ht="15" customHeight="1" x14ac:dyDescent="0.15"/>
    <row r="184" ht="15" customHeight="1" x14ac:dyDescent="0.15"/>
    <row r="185" ht="15" customHeight="1" x14ac:dyDescent="0.15"/>
    <row r="186" ht="15" customHeight="1" x14ac:dyDescent="0.15"/>
    <row r="187" ht="15" customHeight="1" x14ac:dyDescent="0.15"/>
    <row r="188" ht="15" customHeight="1" x14ac:dyDescent="0.15"/>
    <row r="189" ht="15" customHeight="1" x14ac:dyDescent="0.15"/>
    <row r="190" ht="15" customHeight="1" x14ac:dyDescent="0.15"/>
    <row r="191" ht="15" customHeight="1" x14ac:dyDescent="0.15"/>
    <row r="192" ht="15" customHeight="1" x14ac:dyDescent="0.15"/>
    <row r="193" ht="15" customHeight="1" x14ac:dyDescent="0.15"/>
    <row r="194" ht="15" customHeight="1" x14ac:dyDescent="0.15"/>
    <row r="195" ht="15" customHeight="1" x14ac:dyDescent="0.15"/>
    <row r="196" ht="15" customHeight="1" x14ac:dyDescent="0.15"/>
    <row r="197" ht="15" customHeight="1" x14ac:dyDescent="0.15"/>
    <row r="198" ht="15" customHeight="1" x14ac:dyDescent="0.15"/>
    <row r="199" ht="15" customHeight="1" x14ac:dyDescent="0.15"/>
    <row r="200" ht="15" customHeight="1" x14ac:dyDescent="0.15"/>
    <row r="201" ht="15" customHeight="1" x14ac:dyDescent="0.15"/>
    <row r="202" ht="15" customHeight="1" x14ac:dyDescent="0.15"/>
    <row r="203" ht="15" customHeight="1" x14ac:dyDescent="0.15"/>
    <row r="204" ht="15" customHeight="1" x14ac:dyDescent="0.15"/>
    <row r="205" ht="15" customHeight="1" x14ac:dyDescent="0.15"/>
    <row r="206" ht="15" customHeight="1" x14ac:dyDescent="0.15"/>
    <row r="207" ht="15" customHeight="1" x14ac:dyDescent="0.15"/>
    <row r="208" ht="15" customHeight="1" x14ac:dyDescent="0.15"/>
    <row r="209" ht="15" customHeight="1" x14ac:dyDescent="0.15"/>
    <row r="210" ht="15" customHeight="1" x14ac:dyDescent="0.15"/>
    <row r="211" ht="15" customHeight="1" x14ac:dyDescent="0.15"/>
    <row r="212" ht="15" customHeight="1" x14ac:dyDescent="0.15"/>
    <row r="213" ht="15" customHeight="1" x14ac:dyDescent="0.15"/>
    <row r="214" ht="15" customHeight="1" x14ac:dyDescent="0.15"/>
    <row r="215" ht="15" customHeight="1" x14ac:dyDescent="0.15"/>
    <row r="216" ht="15" customHeight="1" x14ac:dyDescent="0.15"/>
    <row r="217" ht="15" customHeight="1" x14ac:dyDescent="0.15"/>
    <row r="218" ht="15" customHeight="1" x14ac:dyDescent="0.15"/>
    <row r="219" ht="15" customHeight="1" x14ac:dyDescent="0.15"/>
    <row r="220" ht="15" customHeight="1" x14ac:dyDescent="0.15"/>
    <row r="221" ht="15" customHeight="1" x14ac:dyDescent="0.15"/>
    <row r="222" ht="15" customHeight="1" x14ac:dyDescent="0.15"/>
    <row r="223" ht="15" customHeight="1" x14ac:dyDescent="0.15"/>
    <row r="224" ht="15" customHeight="1" x14ac:dyDescent="0.15"/>
    <row r="225" ht="15" customHeight="1" x14ac:dyDescent="0.15"/>
    <row r="226" ht="15" customHeight="1" x14ac:dyDescent="0.15"/>
    <row r="227" ht="15" customHeight="1" x14ac:dyDescent="0.15"/>
    <row r="228" ht="15" customHeight="1" x14ac:dyDescent="0.15"/>
    <row r="229" ht="15" customHeight="1" x14ac:dyDescent="0.15"/>
    <row r="230" ht="15" customHeight="1" x14ac:dyDescent="0.15"/>
    <row r="231" ht="15" customHeight="1" x14ac:dyDescent="0.15"/>
    <row r="232" ht="15" customHeight="1" x14ac:dyDescent="0.15"/>
    <row r="233" ht="15" customHeight="1" x14ac:dyDescent="0.15"/>
    <row r="234" ht="15" customHeight="1" x14ac:dyDescent="0.15"/>
    <row r="235" ht="15" customHeight="1" x14ac:dyDescent="0.15"/>
    <row r="236" ht="15" customHeight="1" x14ac:dyDescent="0.15"/>
    <row r="237" ht="15" customHeight="1" x14ac:dyDescent="0.15"/>
    <row r="238" ht="15" customHeight="1" x14ac:dyDescent="0.15"/>
    <row r="239" ht="15" customHeight="1" x14ac:dyDescent="0.15"/>
    <row r="240" ht="15" customHeight="1" x14ac:dyDescent="0.15"/>
    <row r="241" ht="15" customHeight="1" x14ac:dyDescent="0.15"/>
    <row r="242" ht="15" customHeight="1" x14ac:dyDescent="0.15"/>
    <row r="243" ht="15" customHeight="1" x14ac:dyDescent="0.15"/>
    <row r="244" ht="15" customHeight="1" x14ac:dyDescent="0.15"/>
    <row r="245" ht="15" customHeight="1" x14ac:dyDescent="0.15"/>
    <row r="246" ht="15" customHeight="1" x14ac:dyDescent="0.15"/>
    <row r="247" ht="15" customHeight="1" x14ac:dyDescent="0.15"/>
    <row r="248" ht="15" customHeight="1" x14ac:dyDescent="0.15"/>
    <row r="249" ht="15" customHeight="1" x14ac:dyDescent="0.15"/>
    <row r="250" ht="15" customHeight="1" x14ac:dyDescent="0.15"/>
    <row r="251" ht="15" customHeight="1" x14ac:dyDescent="0.15"/>
    <row r="252" ht="15" customHeight="1" x14ac:dyDescent="0.15"/>
    <row r="253" ht="15" customHeight="1" x14ac:dyDescent="0.15"/>
    <row r="254" ht="15" customHeight="1" x14ac:dyDescent="0.15"/>
    <row r="255" ht="15" customHeight="1" x14ac:dyDescent="0.15"/>
    <row r="256" ht="15" customHeight="1" x14ac:dyDescent="0.15"/>
    <row r="257" ht="15" customHeight="1" x14ac:dyDescent="0.15"/>
    <row r="258" ht="15" customHeight="1" x14ac:dyDescent="0.15"/>
    <row r="259" ht="15" customHeight="1" x14ac:dyDescent="0.15"/>
    <row r="260" ht="15" customHeight="1" x14ac:dyDescent="0.15"/>
    <row r="261" ht="15" customHeight="1" x14ac:dyDescent="0.15"/>
    <row r="262" ht="15" customHeight="1" x14ac:dyDescent="0.15"/>
    <row r="263" ht="15" customHeight="1" x14ac:dyDescent="0.15"/>
    <row r="264" ht="15" customHeight="1" x14ac:dyDescent="0.15"/>
    <row r="265" ht="15" customHeight="1" x14ac:dyDescent="0.15"/>
    <row r="266" ht="15" customHeight="1" x14ac:dyDescent="0.15"/>
    <row r="267" ht="15" customHeight="1" x14ac:dyDescent="0.15"/>
    <row r="268" ht="15" customHeight="1" x14ac:dyDescent="0.15"/>
    <row r="269" ht="15" customHeight="1" x14ac:dyDescent="0.15"/>
    <row r="270" ht="15" customHeight="1" x14ac:dyDescent="0.15"/>
    <row r="271" ht="15" customHeight="1" x14ac:dyDescent="0.15"/>
    <row r="272" ht="15" customHeight="1" x14ac:dyDescent="0.15"/>
    <row r="273" ht="15" customHeight="1" x14ac:dyDescent="0.15"/>
    <row r="274" ht="15" customHeight="1" x14ac:dyDescent="0.15"/>
    <row r="275" ht="15" customHeight="1" x14ac:dyDescent="0.15"/>
    <row r="276" ht="15" customHeight="1" x14ac:dyDescent="0.15"/>
    <row r="277" ht="15" customHeight="1" x14ac:dyDescent="0.15"/>
    <row r="278" ht="15" customHeight="1" x14ac:dyDescent="0.15"/>
    <row r="279" ht="15" customHeight="1" x14ac:dyDescent="0.15"/>
    <row r="280" ht="15" customHeight="1" x14ac:dyDescent="0.15"/>
    <row r="281" ht="15" customHeight="1" x14ac:dyDescent="0.15"/>
    <row r="282" ht="15" customHeight="1" x14ac:dyDescent="0.15"/>
    <row r="283" ht="15" customHeight="1" x14ac:dyDescent="0.15"/>
    <row r="284" ht="15" customHeight="1" x14ac:dyDescent="0.15"/>
    <row r="285" ht="15" customHeight="1" x14ac:dyDescent="0.15"/>
    <row r="286" ht="15" customHeight="1" x14ac:dyDescent="0.15"/>
    <row r="287" ht="15" customHeight="1" x14ac:dyDescent="0.15"/>
    <row r="288" ht="15" customHeight="1" x14ac:dyDescent="0.15"/>
    <row r="289" ht="15" customHeight="1" x14ac:dyDescent="0.15"/>
    <row r="290" ht="15" customHeight="1" x14ac:dyDescent="0.15"/>
    <row r="291" ht="15" customHeight="1" x14ac:dyDescent="0.15"/>
    <row r="292" ht="15" customHeight="1" x14ac:dyDescent="0.15"/>
    <row r="293" ht="15" customHeight="1" x14ac:dyDescent="0.15"/>
    <row r="294" ht="15" customHeight="1" x14ac:dyDescent="0.15"/>
    <row r="295" ht="15" customHeight="1" x14ac:dyDescent="0.15"/>
    <row r="296" ht="15" customHeight="1" x14ac:dyDescent="0.15"/>
    <row r="297" ht="15" customHeight="1" x14ac:dyDescent="0.15"/>
    <row r="298" ht="15" customHeight="1" x14ac:dyDescent="0.15"/>
    <row r="299" ht="15" customHeight="1" x14ac:dyDescent="0.15"/>
    <row r="300" ht="15" customHeight="1" x14ac:dyDescent="0.15"/>
    <row r="301" ht="15" customHeight="1" x14ac:dyDescent="0.15"/>
    <row r="302" ht="15" customHeight="1" x14ac:dyDescent="0.15"/>
    <row r="303" ht="15" customHeight="1" x14ac:dyDescent="0.15"/>
    <row r="304" ht="15" customHeight="1" x14ac:dyDescent="0.15"/>
    <row r="305" ht="15" customHeight="1" x14ac:dyDescent="0.15"/>
    <row r="306" ht="15" customHeight="1" x14ac:dyDescent="0.15"/>
    <row r="307" ht="15" customHeight="1" x14ac:dyDescent="0.15"/>
    <row r="308" ht="15" customHeight="1" x14ac:dyDescent="0.15"/>
    <row r="309" ht="15" customHeight="1" x14ac:dyDescent="0.15"/>
    <row r="310" ht="15" customHeight="1" x14ac:dyDescent="0.15"/>
    <row r="311" ht="15" customHeight="1" x14ac:dyDescent="0.15"/>
    <row r="312" ht="15" customHeight="1" x14ac:dyDescent="0.15"/>
    <row r="313" ht="15" customHeight="1" x14ac:dyDescent="0.15"/>
    <row r="314" ht="15" customHeight="1" x14ac:dyDescent="0.15"/>
    <row r="315" ht="15" customHeight="1" x14ac:dyDescent="0.15"/>
    <row r="316" ht="15" customHeight="1" x14ac:dyDescent="0.15"/>
    <row r="317" ht="15" customHeight="1" x14ac:dyDescent="0.15"/>
    <row r="318" ht="15" customHeight="1" x14ac:dyDescent="0.15"/>
    <row r="319" ht="15" customHeight="1" x14ac:dyDescent="0.15"/>
    <row r="320" ht="15" customHeight="1" x14ac:dyDescent="0.15"/>
    <row r="321" ht="15" customHeight="1" x14ac:dyDescent="0.15"/>
    <row r="322" ht="15" customHeight="1" x14ac:dyDescent="0.15"/>
    <row r="323" ht="15" customHeight="1" x14ac:dyDescent="0.15"/>
    <row r="324" ht="15" customHeight="1" x14ac:dyDescent="0.15"/>
    <row r="325" ht="15" customHeight="1" x14ac:dyDescent="0.15"/>
    <row r="326" ht="15" customHeight="1" x14ac:dyDescent="0.15"/>
    <row r="327" ht="15" customHeight="1" x14ac:dyDescent="0.15"/>
    <row r="328" ht="15" customHeight="1" x14ac:dyDescent="0.15"/>
    <row r="329" ht="15" customHeight="1" x14ac:dyDescent="0.15"/>
    <row r="330" ht="15" customHeight="1" x14ac:dyDescent="0.15"/>
    <row r="331" ht="15" customHeight="1" x14ac:dyDescent="0.15"/>
    <row r="332" ht="15" customHeight="1" x14ac:dyDescent="0.15"/>
    <row r="333" ht="15" customHeight="1" x14ac:dyDescent="0.15"/>
    <row r="334" ht="15" customHeight="1" x14ac:dyDescent="0.15"/>
    <row r="335" ht="15" customHeight="1" x14ac:dyDescent="0.15"/>
    <row r="336" ht="15" customHeight="1" x14ac:dyDescent="0.15"/>
    <row r="337" ht="15" customHeight="1" x14ac:dyDescent="0.15"/>
    <row r="338" ht="15" customHeight="1" x14ac:dyDescent="0.15"/>
    <row r="339" ht="15" customHeight="1" x14ac:dyDescent="0.15"/>
    <row r="340" ht="15" customHeight="1" x14ac:dyDescent="0.15"/>
    <row r="341" ht="15" customHeight="1" x14ac:dyDescent="0.15"/>
    <row r="342" ht="15" customHeight="1" x14ac:dyDescent="0.15"/>
    <row r="343" ht="15" customHeight="1" x14ac:dyDescent="0.15"/>
    <row r="344" ht="15" customHeight="1" x14ac:dyDescent="0.15"/>
    <row r="345" ht="15" customHeight="1" x14ac:dyDescent="0.15"/>
    <row r="346" ht="15" customHeight="1" x14ac:dyDescent="0.15"/>
    <row r="347" ht="15" customHeight="1" x14ac:dyDescent="0.15"/>
    <row r="348" ht="15" customHeight="1" x14ac:dyDescent="0.15"/>
    <row r="349" ht="15" customHeight="1" x14ac:dyDescent="0.15"/>
    <row r="350" ht="15" customHeight="1" x14ac:dyDescent="0.15"/>
    <row r="351" ht="15" customHeight="1" x14ac:dyDescent="0.15"/>
    <row r="352" ht="15" customHeight="1" x14ac:dyDescent="0.15"/>
    <row r="353" ht="15" customHeight="1" x14ac:dyDescent="0.15"/>
    <row r="354" ht="15" customHeight="1" x14ac:dyDescent="0.15"/>
    <row r="355" ht="15" customHeight="1" x14ac:dyDescent="0.15"/>
    <row r="356" ht="15" customHeight="1" x14ac:dyDescent="0.15"/>
    <row r="357" ht="15" customHeight="1" x14ac:dyDescent="0.15"/>
    <row r="358" ht="15" customHeight="1" x14ac:dyDescent="0.15"/>
    <row r="359" ht="15" customHeight="1" x14ac:dyDescent="0.15"/>
    <row r="360" ht="15" customHeight="1" x14ac:dyDescent="0.15"/>
    <row r="361" ht="15" customHeight="1" x14ac:dyDescent="0.15"/>
    <row r="362" ht="15" customHeight="1" x14ac:dyDescent="0.15"/>
    <row r="363" ht="15" customHeight="1" x14ac:dyDescent="0.15"/>
    <row r="364" ht="15" customHeight="1" x14ac:dyDescent="0.15"/>
    <row r="365" ht="15" customHeight="1" x14ac:dyDescent="0.15"/>
    <row r="366" ht="15" customHeight="1" x14ac:dyDescent="0.15"/>
    <row r="367" ht="15" customHeight="1" x14ac:dyDescent="0.15"/>
    <row r="368" ht="15" customHeight="1" x14ac:dyDescent="0.15"/>
    <row r="369" ht="15" customHeight="1" x14ac:dyDescent="0.15"/>
    <row r="370" ht="15" customHeight="1" x14ac:dyDescent="0.15"/>
    <row r="371" ht="15" customHeight="1" x14ac:dyDescent="0.15"/>
    <row r="372" ht="15" customHeight="1" x14ac:dyDescent="0.15"/>
    <row r="373" ht="15" customHeight="1" x14ac:dyDescent="0.15"/>
    <row r="374" ht="15" customHeight="1" x14ac:dyDescent="0.15"/>
    <row r="375" ht="15" customHeight="1" x14ac:dyDescent="0.15"/>
    <row r="376" ht="15" customHeight="1" x14ac:dyDescent="0.15"/>
    <row r="377" ht="15" customHeight="1" x14ac:dyDescent="0.15"/>
    <row r="378" ht="15" customHeight="1" x14ac:dyDescent="0.15"/>
    <row r="379" ht="15" customHeight="1" x14ac:dyDescent="0.15"/>
    <row r="380" ht="15" customHeight="1" x14ac:dyDescent="0.15"/>
    <row r="381" ht="15" customHeight="1" x14ac:dyDescent="0.15"/>
    <row r="382" ht="15" customHeight="1" x14ac:dyDescent="0.15"/>
    <row r="383" ht="15" customHeight="1" x14ac:dyDescent="0.15"/>
    <row r="384" ht="15" customHeight="1" x14ac:dyDescent="0.15"/>
    <row r="385" ht="15" customHeight="1" x14ac:dyDescent="0.15"/>
    <row r="386" ht="15" customHeight="1" x14ac:dyDescent="0.15"/>
    <row r="387" ht="15" customHeight="1" x14ac:dyDescent="0.15"/>
    <row r="388" ht="15" customHeight="1" x14ac:dyDescent="0.15"/>
    <row r="389" ht="15" customHeight="1" x14ac:dyDescent="0.15"/>
    <row r="390" ht="15" customHeight="1" x14ac:dyDescent="0.15"/>
    <row r="391" ht="15" customHeight="1" x14ac:dyDescent="0.15"/>
    <row r="392" ht="15" customHeight="1" x14ac:dyDescent="0.15"/>
    <row r="393" ht="15" customHeight="1" x14ac:dyDescent="0.15"/>
    <row r="394" ht="15" customHeight="1" x14ac:dyDescent="0.15"/>
    <row r="395" ht="15" customHeight="1" x14ac:dyDescent="0.15"/>
    <row r="396" ht="15" customHeight="1" x14ac:dyDescent="0.15"/>
    <row r="397" ht="15" customHeight="1" x14ac:dyDescent="0.15"/>
    <row r="398" ht="15" customHeight="1" x14ac:dyDescent="0.15"/>
    <row r="399" ht="15" customHeight="1" x14ac:dyDescent="0.15"/>
    <row r="400" ht="15" customHeight="1" x14ac:dyDescent="0.15"/>
    <row r="401" ht="15" customHeight="1" x14ac:dyDescent="0.15"/>
    <row r="402" ht="15" customHeight="1" x14ac:dyDescent="0.15"/>
    <row r="403" ht="15" customHeight="1" x14ac:dyDescent="0.15"/>
    <row r="404" ht="15" customHeight="1" x14ac:dyDescent="0.15"/>
    <row r="405" ht="15" customHeight="1" x14ac:dyDescent="0.15"/>
    <row r="406" ht="15" customHeight="1" x14ac:dyDescent="0.15"/>
    <row r="407" ht="15" customHeight="1" x14ac:dyDescent="0.15"/>
    <row r="408" ht="15" customHeight="1" x14ac:dyDescent="0.15"/>
    <row r="409" ht="15" customHeight="1" x14ac:dyDescent="0.15"/>
    <row r="410" ht="15" customHeight="1" x14ac:dyDescent="0.15"/>
    <row r="411" ht="15" customHeight="1" x14ac:dyDescent="0.15"/>
    <row r="412" ht="15" customHeight="1" x14ac:dyDescent="0.15"/>
    <row r="413" ht="15" customHeight="1" x14ac:dyDescent="0.15"/>
    <row r="414" ht="15" customHeight="1" x14ac:dyDescent="0.15"/>
    <row r="415" ht="15" customHeight="1" x14ac:dyDescent="0.15"/>
    <row r="416" ht="15" customHeight="1" x14ac:dyDescent="0.15"/>
    <row r="417" ht="15" customHeight="1" x14ac:dyDescent="0.15"/>
    <row r="418" ht="15" customHeight="1" x14ac:dyDescent="0.15"/>
    <row r="419" ht="15" customHeight="1" x14ac:dyDescent="0.15"/>
    <row r="420" ht="15" customHeight="1" x14ac:dyDescent="0.15"/>
    <row r="421" ht="15" customHeight="1" x14ac:dyDescent="0.15"/>
    <row r="422" ht="15" customHeight="1" x14ac:dyDescent="0.15"/>
    <row r="423" ht="15" customHeight="1" x14ac:dyDescent="0.15"/>
    <row r="424" ht="15" customHeight="1" x14ac:dyDescent="0.15"/>
    <row r="425" ht="15" customHeight="1" x14ac:dyDescent="0.15"/>
    <row r="426" ht="15" customHeight="1" x14ac:dyDescent="0.15"/>
    <row r="427" ht="15" customHeight="1" x14ac:dyDescent="0.15"/>
    <row r="428" ht="15" customHeight="1" x14ac:dyDescent="0.15"/>
    <row r="429" ht="15" customHeight="1" x14ac:dyDescent="0.15"/>
    <row r="430" ht="15" customHeight="1" x14ac:dyDescent="0.15"/>
    <row r="431" ht="15" customHeight="1" x14ac:dyDescent="0.15"/>
    <row r="432" ht="15" customHeight="1" x14ac:dyDescent="0.15"/>
    <row r="433" ht="15" customHeight="1" x14ac:dyDescent="0.15"/>
    <row r="434" ht="15" customHeight="1" x14ac:dyDescent="0.15"/>
    <row r="435" ht="15" customHeight="1" x14ac:dyDescent="0.15"/>
    <row r="436" ht="15" customHeight="1" x14ac:dyDescent="0.15"/>
    <row r="437" ht="15" customHeight="1" x14ac:dyDescent="0.15"/>
    <row r="438" ht="15" customHeight="1" x14ac:dyDescent="0.15"/>
    <row r="439" ht="15" customHeight="1" x14ac:dyDescent="0.15"/>
    <row r="440" ht="15" customHeight="1" x14ac:dyDescent="0.15"/>
    <row r="441" ht="15" customHeight="1" x14ac:dyDescent="0.15"/>
    <row r="442" ht="15" customHeight="1" x14ac:dyDescent="0.15"/>
    <row r="443" ht="15" customHeight="1" x14ac:dyDescent="0.15"/>
    <row r="444" ht="15" customHeight="1" x14ac:dyDescent="0.15"/>
    <row r="445" ht="15" customHeight="1" x14ac:dyDescent="0.15"/>
    <row r="446" ht="15" customHeight="1" x14ac:dyDescent="0.15"/>
    <row r="447" ht="15" customHeight="1" x14ac:dyDescent="0.15"/>
    <row r="448" ht="15" customHeight="1" x14ac:dyDescent="0.15"/>
    <row r="449" ht="15" customHeight="1" x14ac:dyDescent="0.15"/>
    <row r="450" ht="15" customHeight="1" x14ac:dyDescent="0.15"/>
    <row r="451" ht="15" customHeight="1" x14ac:dyDescent="0.15"/>
    <row r="452" ht="15" customHeight="1" x14ac:dyDescent="0.15"/>
    <row r="453" ht="15" customHeight="1" x14ac:dyDescent="0.15"/>
    <row r="454" ht="15" customHeight="1" x14ac:dyDescent="0.15"/>
    <row r="455" ht="15" customHeight="1" x14ac:dyDescent="0.15"/>
    <row r="456" ht="15" customHeight="1" x14ac:dyDescent="0.15"/>
    <row r="457" ht="15" customHeight="1" x14ac:dyDescent="0.15"/>
    <row r="458" ht="15" customHeight="1" x14ac:dyDescent="0.15"/>
    <row r="459" ht="15" customHeight="1" x14ac:dyDescent="0.15"/>
    <row r="460" ht="15" customHeight="1" x14ac:dyDescent="0.15"/>
    <row r="461" ht="15" customHeight="1" x14ac:dyDescent="0.15"/>
    <row r="462" ht="15" customHeight="1" x14ac:dyDescent="0.15"/>
    <row r="463" ht="15" customHeight="1" x14ac:dyDescent="0.15"/>
    <row r="464" ht="15" customHeight="1" x14ac:dyDescent="0.15"/>
    <row r="465" ht="15" customHeight="1" x14ac:dyDescent="0.15"/>
    <row r="466" ht="15" customHeight="1" x14ac:dyDescent="0.15"/>
    <row r="467" ht="15" customHeight="1" x14ac:dyDescent="0.15"/>
    <row r="468" ht="15" customHeight="1" x14ac:dyDescent="0.15"/>
    <row r="469" ht="15" customHeight="1" x14ac:dyDescent="0.15"/>
    <row r="470" ht="15" customHeight="1" x14ac:dyDescent="0.15"/>
    <row r="471" ht="15" customHeight="1" x14ac:dyDescent="0.15"/>
    <row r="472" ht="15" customHeight="1" x14ac:dyDescent="0.15"/>
    <row r="473" ht="15" customHeight="1" x14ac:dyDescent="0.15"/>
    <row r="474" ht="15" customHeight="1" x14ac:dyDescent="0.15"/>
    <row r="475" ht="15" customHeight="1" x14ac:dyDescent="0.15"/>
    <row r="476" ht="15" customHeight="1" x14ac:dyDescent="0.15"/>
    <row r="477" ht="15" customHeight="1" x14ac:dyDescent="0.15"/>
    <row r="478" ht="15" customHeight="1" x14ac:dyDescent="0.15"/>
    <row r="479" ht="15" customHeight="1" x14ac:dyDescent="0.15"/>
    <row r="480" ht="15" customHeight="1" x14ac:dyDescent="0.15"/>
    <row r="481" ht="15" customHeight="1" x14ac:dyDescent="0.15"/>
    <row r="482" ht="15" customHeight="1" x14ac:dyDescent="0.15"/>
    <row r="483" ht="15" customHeight="1" x14ac:dyDescent="0.15"/>
    <row r="484" ht="15" customHeight="1" x14ac:dyDescent="0.15"/>
    <row r="485" ht="15" customHeight="1" x14ac:dyDescent="0.15"/>
    <row r="486" ht="15" customHeight="1" x14ac:dyDescent="0.15"/>
    <row r="487" ht="15" customHeight="1" x14ac:dyDescent="0.15"/>
    <row r="488" ht="15" customHeight="1" x14ac:dyDescent="0.15"/>
    <row r="489" ht="15" customHeight="1" x14ac:dyDescent="0.15"/>
    <row r="490" ht="15" customHeight="1" x14ac:dyDescent="0.15"/>
    <row r="491" ht="15" customHeight="1" x14ac:dyDescent="0.15"/>
    <row r="492" ht="15" customHeight="1" x14ac:dyDescent="0.15"/>
    <row r="493" ht="15" customHeight="1" x14ac:dyDescent="0.15"/>
    <row r="494" ht="15" customHeight="1" x14ac:dyDescent="0.15"/>
    <row r="495" ht="15" customHeight="1" x14ac:dyDescent="0.15"/>
    <row r="496" ht="15" customHeight="1" x14ac:dyDescent="0.15"/>
    <row r="497" ht="15" customHeight="1" x14ac:dyDescent="0.15"/>
    <row r="498" ht="15" customHeight="1" x14ac:dyDescent="0.15"/>
    <row r="499" ht="15" customHeight="1" x14ac:dyDescent="0.15"/>
    <row r="500" ht="15" customHeight="1" x14ac:dyDescent="0.15"/>
    <row r="501" ht="15" customHeight="1" x14ac:dyDescent="0.15"/>
    <row r="502" ht="15" customHeight="1" x14ac:dyDescent="0.15"/>
    <row r="503" ht="15" customHeight="1" x14ac:dyDescent="0.15"/>
    <row r="504" ht="15" customHeight="1" x14ac:dyDescent="0.15"/>
    <row r="505" ht="15" customHeight="1" x14ac:dyDescent="0.15"/>
    <row r="506" ht="15" customHeight="1" x14ac:dyDescent="0.15"/>
    <row r="507" ht="15" customHeight="1" x14ac:dyDescent="0.15"/>
    <row r="508" ht="15" customHeight="1" x14ac:dyDescent="0.15"/>
    <row r="509" ht="15" customHeight="1" x14ac:dyDescent="0.15"/>
    <row r="510" ht="15" customHeight="1" x14ac:dyDescent="0.15"/>
    <row r="511" ht="15" customHeight="1" x14ac:dyDescent="0.15"/>
    <row r="512" ht="15" customHeight="1" x14ac:dyDescent="0.15"/>
    <row r="513" ht="15" customHeight="1" x14ac:dyDescent="0.15"/>
    <row r="514" ht="15" customHeight="1" x14ac:dyDescent="0.15"/>
    <row r="515" ht="15" customHeight="1" x14ac:dyDescent="0.15"/>
    <row r="516" ht="15" customHeight="1" x14ac:dyDescent="0.15"/>
    <row r="517" ht="15" customHeight="1" x14ac:dyDescent="0.15"/>
    <row r="518" ht="15" customHeight="1" x14ac:dyDescent="0.15"/>
    <row r="519" ht="15" customHeight="1" x14ac:dyDescent="0.15"/>
    <row r="520" ht="15" customHeight="1" x14ac:dyDescent="0.15"/>
    <row r="521" ht="15" customHeight="1" x14ac:dyDescent="0.15"/>
    <row r="522" ht="15" customHeight="1" x14ac:dyDescent="0.15"/>
    <row r="523" ht="15" customHeight="1" x14ac:dyDescent="0.15"/>
    <row r="524" ht="15" customHeight="1" x14ac:dyDescent="0.15"/>
    <row r="525" ht="15" customHeight="1" x14ac:dyDescent="0.15"/>
    <row r="526" ht="15" customHeight="1" x14ac:dyDescent="0.15"/>
    <row r="527" ht="15" customHeight="1" x14ac:dyDescent="0.15"/>
    <row r="528" ht="15" customHeight="1" x14ac:dyDescent="0.15"/>
    <row r="529" ht="15" customHeight="1" x14ac:dyDescent="0.15"/>
    <row r="530" ht="15" customHeight="1" x14ac:dyDescent="0.15"/>
    <row r="531" ht="15" customHeight="1" x14ac:dyDescent="0.15"/>
    <row r="532" ht="15" customHeight="1" x14ac:dyDescent="0.15"/>
    <row r="533" ht="15" customHeight="1" x14ac:dyDescent="0.15"/>
    <row r="534" ht="15" customHeight="1" x14ac:dyDescent="0.15"/>
    <row r="535" ht="15" customHeight="1" x14ac:dyDescent="0.15"/>
    <row r="536" ht="15" customHeight="1" x14ac:dyDescent="0.15"/>
    <row r="537" ht="15" customHeight="1" x14ac:dyDescent="0.15"/>
    <row r="538" ht="15" customHeight="1" x14ac:dyDescent="0.15"/>
    <row r="539" ht="15" customHeight="1" x14ac:dyDescent="0.15"/>
    <row r="540" ht="15" customHeight="1" x14ac:dyDescent="0.15"/>
    <row r="541" ht="15" customHeight="1" x14ac:dyDescent="0.15"/>
    <row r="542" ht="15" customHeight="1" x14ac:dyDescent="0.15"/>
    <row r="543" ht="15" customHeight="1" x14ac:dyDescent="0.15"/>
    <row r="544" ht="15" customHeight="1" x14ac:dyDescent="0.15"/>
    <row r="545" ht="15" customHeight="1" x14ac:dyDescent="0.15"/>
    <row r="546" ht="15" customHeight="1" x14ac:dyDescent="0.15"/>
    <row r="547" ht="15" customHeight="1" x14ac:dyDescent="0.15"/>
    <row r="548" ht="15" customHeight="1" x14ac:dyDescent="0.15"/>
    <row r="549" ht="15" customHeight="1" x14ac:dyDescent="0.15"/>
    <row r="550" ht="15" customHeight="1" x14ac:dyDescent="0.15"/>
    <row r="551" ht="15" customHeight="1" x14ac:dyDescent="0.15"/>
    <row r="552" ht="15" customHeight="1" x14ac:dyDescent="0.15"/>
    <row r="553" ht="15" customHeight="1" x14ac:dyDescent="0.15"/>
    <row r="554" ht="15" customHeight="1" x14ac:dyDescent="0.15"/>
    <row r="555" ht="15" customHeight="1" x14ac:dyDescent="0.15"/>
    <row r="556" ht="15" customHeight="1" x14ac:dyDescent="0.15"/>
    <row r="557" ht="15" customHeight="1" x14ac:dyDescent="0.15"/>
    <row r="558" ht="15" customHeight="1" x14ac:dyDescent="0.15"/>
    <row r="559" ht="15" customHeight="1" x14ac:dyDescent="0.15"/>
    <row r="560" ht="15" customHeight="1" x14ac:dyDescent="0.15"/>
    <row r="561" ht="15" customHeight="1" x14ac:dyDescent="0.15"/>
    <row r="562" ht="15" customHeight="1" x14ac:dyDescent="0.15"/>
    <row r="563" ht="15" customHeight="1" x14ac:dyDescent="0.15"/>
    <row r="564" ht="15" customHeight="1" x14ac:dyDescent="0.15"/>
    <row r="565" ht="15" customHeight="1" x14ac:dyDescent="0.15"/>
    <row r="566" ht="15" customHeight="1" x14ac:dyDescent="0.15"/>
    <row r="567" ht="15" customHeight="1" x14ac:dyDescent="0.15"/>
    <row r="568" ht="15" customHeight="1" x14ac:dyDescent="0.15"/>
    <row r="569" ht="15" customHeight="1" x14ac:dyDescent="0.15"/>
    <row r="570" ht="15" customHeight="1" x14ac:dyDescent="0.15"/>
    <row r="571" ht="15" customHeight="1" x14ac:dyDescent="0.15"/>
    <row r="572" ht="15" customHeight="1" x14ac:dyDescent="0.15"/>
    <row r="573" ht="15" customHeight="1" x14ac:dyDescent="0.15"/>
    <row r="574" ht="15" customHeight="1" x14ac:dyDescent="0.15"/>
    <row r="575" ht="15" customHeight="1" x14ac:dyDescent="0.15"/>
    <row r="576" ht="15" customHeight="1" x14ac:dyDescent="0.15"/>
    <row r="577" ht="15" customHeight="1" x14ac:dyDescent="0.15"/>
    <row r="578" ht="15" customHeight="1" x14ac:dyDescent="0.15"/>
    <row r="579" ht="15" customHeight="1" x14ac:dyDescent="0.15"/>
    <row r="580" ht="15" customHeight="1" x14ac:dyDescent="0.15"/>
    <row r="581" ht="15" customHeight="1" x14ac:dyDescent="0.15"/>
    <row r="582" ht="15" customHeight="1" x14ac:dyDescent="0.15"/>
    <row r="583" ht="15" customHeight="1" x14ac:dyDescent="0.15"/>
    <row r="584" ht="15" customHeight="1" x14ac:dyDescent="0.15"/>
    <row r="585" ht="15" customHeight="1" x14ac:dyDescent="0.15"/>
    <row r="586" ht="15" customHeight="1" x14ac:dyDescent="0.15"/>
    <row r="587" ht="15" customHeight="1" x14ac:dyDescent="0.15"/>
    <row r="588" ht="15" customHeight="1" x14ac:dyDescent="0.15"/>
    <row r="589" ht="15" customHeight="1" x14ac:dyDescent="0.15"/>
    <row r="590" ht="15" customHeight="1" x14ac:dyDescent="0.15"/>
    <row r="591" ht="15" customHeight="1" x14ac:dyDescent="0.15"/>
    <row r="592" ht="15" customHeight="1" x14ac:dyDescent="0.15"/>
    <row r="593" ht="15" customHeight="1" x14ac:dyDescent="0.15"/>
    <row r="594" ht="15" customHeight="1" x14ac:dyDescent="0.15"/>
    <row r="595" ht="15" customHeight="1" x14ac:dyDescent="0.15"/>
    <row r="596" ht="15" customHeight="1" x14ac:dyDescent="0.15"/>
    <row r="597" ht="15" customHeight="1" x14ac:dyDescent="0.15"/>
    <row r="598" ht="15" customHeight="1" x14ac:dyDescent="0.15"/>
    <row r="599" ht="15" customHeight="1" x14ac:dyDescent="0.15"/>
    <row r="600" ht="15" customHeight="1" x14ac:dyDescent="0.15"/>
    <row r="601" ht="15" customHeight="1" x14ac:dyDescent="0.15"/>
    <row r="602" ht="15" customHeight="1" x14ac:dyDescent="0.15"/>
    <row r="603" ht="15" customHeight="1" x14ac:dyDescent="0.15"/>
    <row r="604" ht="15" customHeight="1" x14ac:dyDescent="0.15"/>
    <row r="605" ht="15" customHeight="1" x14ac:dyDescent="0.15"/>
    <row r="606" ht="15" customHeight="1" x14ac:dyDescent="0.15"/>
    <row r="607" ht="15" customHeight="1" x14ac:dyDescent="0.15"/>
    <row r="608" ht="15" customHeight="1" x14ac:dyDescent="0.15"/>
    <row r="609" ht="15" customHeight="1" x14ac:dyDescent="0.15"/>
    <row r="610" ht="15" customHeight="1" x14ac:dyDescent="0.15"/>
    <row r="611" ht="15" customHeight="1" x14ac:dyDescent="0.15"/>
    <row r="612" ht="15" customHeight="1" x14ac:dyDescent="0.15"/>
    <row r="613" ht="15" customHeight="1" x14ac:dyDescent="0.15"/>
    <row r="614" ht="15" customHeight="1" x14ac:dyDescent="0.15"/>
    <row r="615" ht="15" customHeight="1" x14ac:dyDescent="0.15"/>
    <row r="616" ht="15" customHeight="1" x14ac:dyDescent="0.15"/>
    <row r="617" ht="15" customHeight="1" x14ac:dyDescent="0.15"/>
    <row r="618" ht="15" customHeight="1" x14ac:dyDescent="0.15"/>
    <row r="619" ht="15" customHeight="1" x14ac:dyDescent="0.15"/>
    <row r="620" ht="15" customHeight="1" x14ac:dyDescent="0.15"/>
    <row r="621" ht="15" customHeight="1" x14ac:dyDescent="0.15"/>
    <row r="622" ht="15" customHeight="1" x14ac:dyDescent="0.15"/>
    <row r="623" ht="15" customHeight="1" x14ac:dyDescent="0.15"/>
    <row r="624" ht="15" customHeight="1" x14ac:dyDescent="0.15"/>
    <row r="625" ht="15" customHeight="1" x14ac:dyDescent="0.15"/>
    <row r="626" ht="15" customHeight="1" x14ac:dyDescent="0.15"/>
    <row r="627" ht="15" customHeight="1" x14ac:dyDescent="0.15"/>
    <row r="628" ht="15" customHeight="1" x14ac:dyDescent="0.15"/>
    <row r="629" ht="15" customHeight="1" x14ac:dyDescent="0.15"/>
    <row r="630" ht="15" customHeight="1" x14ac:dyDescent="0.15"/>
    <row r="631" ht="15" customHeight="1" x14ac:dyDescent="0.15"/>
    <row r="632" ht="15" customHeight="1" x14ac:dyDescent="0.15"/>
    <row r="633" ht="15" customHeight="1" x14ac:dyDescent="0.15"/>
    <row r="634" ht="15" customHeight="1" x14ac:dyDescent="0.15"/>
    <row r="635" ht="15" customHeight="1" x14ac:dyDescent="0.15"/>
    <row r="636" ht="15" customHeight="1" x14ac:dyDescent="0.15"/>
    <row r="637" ht="15" customHeight="1" x14ac:dyDescent="0.15"/>
    <row r="638" ht="15" customHeight="1" x14ac:dyDescent="0.15"/>
    <row r="639" ht="15" customHeight="1" x14ac:dyDescent="0.15"/>
    <row r="640" ht="15" customHeight="1" x14ac:dyDescent="0.15"/>
    <row r="641" ht="15" customHeight="1" x14ac:dyDescent="0.15"/>
    <row r="642" ht="15" customHeight="1" x14ac:dyDescent="0.15"/>
    <row r="643" ht="15" customHeight="1" x14ac:dyDescent="0.15"/>
    <row r="644" ht="15" customHeight="1" x14ac:dyDescent="0.15"/>
    <row r="645" ht="15" customHeight="1" x14ac:dyDescent="0.15"/>
    <row r="646" ht="15" customHeight="1" x14ac:dyDescent="0.15"/>
    <row r="647" ht="15" customHeight="1" x14ac:dyDescent="0.15"/>
    <row r="648" ht="15" customHeight="1" x14ac:dyDescent="0.15"/>
    <row r="649" ht="15" customHeight="1" x14ac:dyDescent="0.15"/>
    <row r="650" ht="15" customHeight="1" x14ac:dyDescent="0.15"/>
    <row r="651" ht="15" customHeight="1" x14ac:dyDescent="0.15"/>
    <row r="652" ht="15" customHeight="1" x14ac:dyDescent="0.15"/>
    <row r="653" ht="15" customHeight="1" x14ac:dyDescent="0.15"/>
    <row r="654" ht="15" customHeight="1" x14ac:dyDescent="0.15"/>
    <row r="655" ht="15" customHeight="1" x14ac:dyDescent="0.15"/>
    <row r="656" ht="15" customHeight="1" x14ac:dyDescent="0.15"/>
    <row r="657" ht="15" customHeight="1" x14ac:dyDescent="0.15"/>
    <row r="658" ht="15" customHeight="1" x14ac:dyDescent="0.15"/>
    <row r="659" ht="15" customHeight="1" x14ac:dyDescent="0.15"/>
    <row r="660" ht="15" customHeight="1" x14ac:dyDescent="0.15"/>
    <row r="661" ht="15" customHeight="1" x14ac:dyDescent="0.15"/>
    <row r="662" ht="15" customHeight="1" x14ac:dyDescent="0.15"/>
    <row r="663" ht="15" customHeight="1" x14ac:dyDescent="0.15"/>
    <row r="664" ht="15" customHeight="1" x14ac:dyDescent="0.15"/>
    <row r="665" ht="15" customHeight="1" x14ac:dyDescent="0.15"/>
    <row r="666" ht="15" customHeight="1" x14ac:dyDescent="0.15"/>
    <row r="667" ht="15" customHeight="1" x14ac:dyDescent="0.15"/>
    <row r="668" ht="15" customHeight="1" x14ac:dyDescent="0.15"/>
    <row r="669" ht="15" customHeight="1" x14ac:dyDescent="0.15"/>
    <row r="670" ht="15" customHeight="1" x14ac:dyDescent="0.15"/>
    <row r="671" ht="15" customHeight="1" x14ac:dyDescent="0.15"/>
    <row r="672" ht="15" customHeight="1" x14ac:dyDescent="0.15"/>
    <row r="673" ht="15" customHeight="1" x14ac:dyDescent="0.15"/>
    <row r="674" ht="15" customHeight="1" x14ac:dyDescent="0.15"/>
    <row r="675" ht="15" customHeight="1" x14ac:dyDescent="0.15"/>
    <row r="676" ht="15" customHeight="1" x14ac:dyDescent="0.15"/>
    <row r="677" ht="15" customHeight="1" x14ac:dyDescent="0.15"/>
    <row r="678" ht="15" customHeight="1" x14ac:dyDescent="0.15"/>
    <row r="679" ht="15" customHeight="1" x14ac:dyDescent="0.15"/>
    <row r="680" ht="15" customHeight="1" x14ac:dyDescent="0.15"/>
    <row r="681" ht="15" customHeight="1" x14ac:dyDescent="0.15"/>
    <row r="682" ht="15" customHeight="1" x14ac:dyDescent="0.15"/>
    <row r="683" ht="15" customHeight="1" x14ac:dyDescent="0.15"/>
    <row r="684" ht="15" customHeight="1" x14ac:dyDescent="0.15"/>
    <row r="685" ht="15" customHeight="1" x14ac:dyDescent="0.15"/>
    <row r="686" ht="15" customHeight="1" x14ac:dyDescent="0.15"/>
    <row r="687" ht="15" customHeight="1" x14ac:dyDescent="0.15"/>
    <row r="688" ht="15" customHeight="1" x14ac:dyDescent="0.15"/>
    <row r="689" ht="15" customHeight="1" x14ac:dyDescent="0.15"/>
    <row r="690" ht="15" customHeight="1" x14ac:dyDescent="0.15"/>
    <row r="691" ht="15" customHeight="1" x14ac:dyDescent="0.15"/>
    <row r="692" ht="15" customHeight="1" x14ac:dyDescent="0.15"/>
    <row r="693" ht="15" customHeight="1" x14ac:dyDescent="0.15"/>
    <row r="694" ht="15" customHeight="1" x14ac:dyDescent="0.15"/>
    <row r="695" ht="15" customHeight="1" x14ac:dyDescent="0.15"/>
    <row r="696" ht="15" customHeight="1" x14ac:dyDescent="0.15"/>
    <row r="697" ht="15" customHeight="1" x14ac:dyDescent="0.15"/>
    <row r="698" ht="15" customHeight="1" x14ac:dyDescent="0.15"/>
    <row r="699" ht="15" customHeight="1" x14ac:dyDescent="0.15"/>
    <row r="700" ht="15" customHeight="1" x14ac:dyDescent="0.15"/>
    <row r="701" ht="15" customHeight="1" x14ac:dyDescent="0.15"/>
    <row r="702" ht="15" customHeight="1" x14ac:dyDescent="0.15"/>
    <row r="703" ht="15" customHeight="1" x14ac:dyDescent="0.15"/>
    <row r="704" ht="15" customHeight="1" x14ac:dyDescent="0.15"/>
    <row r="705" ht="15" customHeight="1" x14ac:dyDescent="0.15"/>
    <row r="706" ht="15" customHeight="1" x14ac:dyDescent="0.15"/>
    <row r="707" ht="15" customHeight="1" x14ac:dyDescent="0.15"/>
    <row r="708" ht="15" customHeight="1" x14ac:dyDescent="0.15"/>
    <row r="709" ht="15" customHeight="1" x14ac:dyDescent="0.15"/>
    <row r="710" ht="15" customHeight="1" x14ac:dyDescent="0.15"/>
    <row r="711" ht="15" customHeight="1" x14ac:dyDescent="0.15"/>
    <row r="712" ht="15" customHeight="1" x14ac:dyDescent="0.15"/>
    <row r="713" ht="15" customHeight="1" x14ac:dyDescent="0.15"/>
    <row r="714" ht="15" customHeight="1" x14ac:dyDescent="0.15"/>
    <row r="715" ht="15" customHeight="1" x14ac:dyDescent="0.15"/>
    <row r="716" ht="15" customHeight="1" x14ac:dyDescent="0.15"/>
    <row r="717" ht="15" customHeight="1" x14ac:dyDescent="0.15"/>
    <row r="718" ht="15" customHeight="1" x14ac:dyDescent="0.15"/>
    <row r="719" ht="15" customHeight="1" x14ac:dyDescent="0.15"/>
    <row r="720" ht="15" customHeight="1" x14ac:dyDescent="0.15"/>
    <row r="721" ht="15" customHeight="1" x14ac:dyDescent="0.15"/>
    <row r="722" ht="15" customHeight="1" x14ac:dyDescent="0.15"/>
    <row r="723" ht="15" customHeight="1" x14ac:dyDescent="0.15"/>
    <row r="724" ht="15" customHeight="1" x14ac:dyDescent="0.15"/>
    <row r="725" ht="15" customHeight="1" x14ac:dyDescent="0.15"/>
    <row r="726" ht="15" customHeight="1" x14ac:dyDescent="0.15"/>
    <row r="727" ht="15" customHeight="1" x14ac:dyDescent="0.15"/>
    <row r="728" ht="15" customHeight="1" x14ac:dyDescent="0.15"/>
    <row r="729" ht="15" customHeight="1" x14ac:dyDescent="0.15"/>
    <row r="730" ht="15" customHeight="1" x14ac:dyDescent="0.15"/>
    <row r="731" ht="15" customHeight="1" x14ac:dyDescent="0.15"/>
    <row r="732" ht="15" customHeight="1" x14ac:dyDescent="0.15"/>
    <row r="733" ht="15" customHeight="1" x14ac:dyDescent="0.15"/>
    <row r="734" ht="15" customHeight="1" x14ac:dyDescent="0.15"/>
    <row r="735" ht="15" customHeight="1" x14ac:dyDescent="0.15"/>
    <row r="736" ht="15" customHeight="1" x14ac:dyDescent="0.15"/>
    <row r="737" ht="15" customHeight="1" x14ac:dyDescent="0.15"/>
    <row r="738" ht="15" customHeight="1" x14ac:dyDescent="0.15"/>
    <row r="739" ht="15" customHeight="1" x14ac:dyDescent="0.15"/>
    <row r="740" ht="15" customHeight="1" x14ac:dyDescent="0.15"/>
    <row r="741" ht="15" customHeight="1" x14ac:dyDescent="0.15"/>
    <row r="742" ht="15" customHeight="1" x14ac:dyDescent="0.15"/>
    <row r="743" ht="15" customHeight="1" x14ac:dyDescent="0.15"/>
    <row r="744" ht="15" customHeight="1" x14ac:dyDescent="0.15"/>
    <row r="745" ht="15" customHeight="1" x14ac:dyDescent="0.15"/>
    <row r="746" ht="15" customHeight="1" x14ac:dyDescent="0.15"/>
    <row r="747" ht="15" customHeight="1" x14ac:dyDescent="0.15"/>
    <row r="748" ht="15" customHeight="1" x14ac:dyDescent="0.15"/>
    <row r="749" ht="15" customHeight="1" x14ac:dyDescent="0.15"/>
    <row r="750" ht="15" customHeight="1" x14ac:dyDescent="0.15"/>
    <row r="751" ht="15" customHeight="1" x14ac:dyDescent="0.15"/>
    <row r="752" ht="15" customHeight="1" x14ac:dyDescent="0.15"/>
    <row r="753" ht="15" customHeight="1" x14ac:dyDescent="0.15"/>
    <row r="754" ht="15" customHeight="1" x14ac:dyDescent="0.15"/>
    <row r="755" ht="15" customHeight="1" x14ac:dyDescent="0.15"/>
    <row r="756" ht="15" customHeight="1" x14ac:dyDescent="0.15"/>
    <row r="757" ht="15" customHeight="1" x14ac:dyDescent="0.15"/>
    <row r="758" ht="15" customHeight="1" x14ac:dyDescent="0.15"/>
    <row r="759" ht="15" customHeight="1" x14ac:dyDescent="0.15"/>
    <row r="760" ht="15" customHeight="1" x14ac:dyDescent="0.15"/>
    <row r="761" ht="15" customHeight="1" x14ac:dyDescent="0.15"/>
    <row r="762" ht="15" customHeight="1" x14ac:dyDescent="0.15"/>
    <row r="763" ht="15" customHeight="1" x14ac:dyDescent="0.15"/>
    <row r="764" ht="15" customHeight="1" x14ac:dyDescent="0.15"/>
    <row r="765" ht="15" customHeight="1" x14ac:dyDescent="0.15"/>
    <row r="766" ht="15" customHeight="1" x14ac:dyDescent="0.15"/>
    <row r="767" ht="15" customHeight="1" x14ac:dyDescent="0.15"/>
    <row r="768" ht="15" customHeight="1" x14ac:dyDescent="0.15"/>
    <row r="769" ht="15" customHeight="1" x14ac:dyDescent="0.15"/>
    <row r="770" ht="15" customHeight="1" x14ac:dyDescent="0.15"/>
    <row r="771" ht="15" customHeight="1" x14ac:dyDescent="0.15"/>
    <row r="772" ht="15" customHeight="1" x14ac:dyDescent="0.15"/>
    <row r="773" ht="15" customHeight="1" x14ac:dyDescent="0.15"/>
    <row r="774" ht="15" customHeight="1" x14ac:dyDescent="0.15"/>
    <row r="775" ht="15" customHeight="1" x14ac:dyDescent="0.15"/>
    <row r="776" ht="15" customHeight="1" x14ac:dyDescent="0.15"/>
    <row r="777" ht="15" customHeight="1" x14ac:dyDescent="0.15"/>
    <row r="778" ht="15" customHeight="1" x14ac:dyDescent="0.15"/>
    <row r="779" ht="15" customHeight="1" x14ac:dyDescent="0.15"/>
    <row r="780" ht="15" customHeight="1" x14ac:dyDescent="0.15"/>
    <row r="781" ht="15" customHeight="1" x14ac:dyDescent="0.15"/>
    <row r="782" ht="15" customHeight="1" x14ac:dyDescent="0.15"/>
    <row r="783" ht="15" customHeight="1" x14ac:dyDescent="0.15"/>
    <row r="784" ht="15" customHeight="1" x14ac:dyDescent="0.15"/>
    <row r="785" ht="15" customHeight="1" x14ac:dyDescent="0.15"/>
    <row r="786" ht="15" customHeight="1" x14ac:dyDescent="0.15"/>
    <row r="787" ht="15" customHeight="1" x14ac:dyDescent="0.15"/>
    <row r="788" ht="15" customHeight="1" x14ac:dyDescent="0.15"/>
    <row r="789" ht="15" customHeight="1" x14ac:dyDescent="0.15"/>
    <row r="790" ht="15" customHeight="1" x14ac:dyDescent="0.15"/>
    <row r="791" ht="15" customHeight="1" x14ac:dyDescent="0.15"/>
    <row r="792" ht="15" customHeight="1" x14ac:dyDescent="0.15"/>
    <row r="793" ht="15" customHeight="1" x14ac:dyDescent="0.15"/>
    <row r="794" ht="15" customHeight="1" x14ac:dyDescent="0.15"/>
    <row r="795" ht="15" customHeight="1" x14ac:dyDescent="0.15"/>
    <row r="796" ht="15" customHeight="1" x14ac:dyDescent="0.15"/>
    <row r="797" ht="15" customHeight="1" x14ac:dyDescent="0.15"/>
    <row r="798" ht="15" customHeight="1" x14ac:dyDescent="0.15"/>
    <row r="799" ht="15" customHeight="1" x14ac:dyDescent="0.15"/>
    <row r="800" ht="15" customHeight="1" x14ac:dyDescent="0.15"/>
    <row r="801" ht="15" customHeight="1" x14ac:dyDescent="0.15"/>
    <row r="802" ht="15" customHeight="1" x14ac:dyDescent="0.15"/>
    <row r="803" ht="15" customHeight="1" x14ac:dyDescent="0.15"/>
    <row r="804" ht="15" customHeight="1" x14ac:dyDescent="0.15"/>
    <row r="805" ht="15" customHeight="1" x14ac:dyDescent="0.15"/>
    <row r="806" ht="15" customHeight="1" x14ac:dyDescent="0.15"/>
    <row r="807" ht="15" customHeight="1" x14ac:dyDescent="0.15"/>
    <row r="808" ht="15" customHeight="1" x14ac:dyDescent="0.15"/>
    <row r="809" ht="15" customHeight="1" x14ac:dyDescent="0.15"/>
    <row r="810" ht="15" customHeight="1" x14ac:dyDescent="0.15"/>
    <row r="811" ht="15" customHeight="1" x14ac:dyDescent="0.15"/>
    <row r="812" ht="15" customHeight="1" x14ac:dyDescent="0.15"/>
    <row r="813" ht="15" customHeight="1" x14ac:dyDescent="0.15"/>
    <row r="814" ht="15" customHeight="1" x14ac:dyDescent="0.15"/>
    <row r="815" ht="15" customHeight="1" x14ac:dyDescent="0.15"/>
    <row r="816" ht="15" customHeight="1" x14ac:dyDescent="0.15"/>
    <row r="817" ht="15" customHeight="1" x14ac:dyDescent="0.15"/>
    <row r="818" ht="15" customHeight="1" x14ac:dyDescent="0.15"/>
    <row r="819" ht="15" customHeight="1" x14ac:dyDescent="0.15"/>
    <row r="820" ht="15" customHeight="1" x14ac:dyDescent="0.15"/>
    <row r="821" ht="15" customHeight="1" x14ac:dyDescent="0.15"/>
    <row r="822" ht="15" customHeight="1" x14ac:dyDescent="0.15"/>
    <row r="823" ht="15" customHeight="1" x14ac:dyDescent="0.15"/>
    <row r="824" ht="15" customHeight="1" x14ac:dyDescent="0.15"/>
    <row r="825" ht="15" customHeight="1" x14ac:dyDescent="0.15"/>
    <row r="826" ht="15" customHeight="1" x14ac:dyDescent="0.15"/>
    <row r="827" ht="15" customHeight="1" x14ac:dyDescent="0.15"/>
    <row r="828" ht="15" customHeight="1" x14ac:dyDescent="0.15"/>
    <row r="829" ht="15" customHeight="1" x14ac:dyDescent="0.15"/>
    <row r="830" ht="15" customHeight="1" x14ac:dyDescent="0.15"/>
    <row r="831" ht="15" customHeight="1" x14ac:dyDescent="0.15"/>
    <row r="832" ht="15" customHeight="1" x14ac:dyDescent="0.15"/>
    <row r="833" ht="15" customHeight="1" x14ac:dyDescent="0.15"/>
    <row r="834" ht="15" customHeight="1" x14ac:dyDescent="0.15"/>
    <row r="835" ht="15" customHeight="1" x14ac:dyDescent="0.15"/>
    <row r="836" ht="15" customHeight="1" x14ac:dyDescent="0.15"/>
    <row r="837" ht="15" customHeight="1" x14ac:dyDescent="0.15"/>
    <row r="838" ht="15" customHeight="1" x14ac:dyDescent="0.15"/>
    <row r="839" ht="15" customHeight="1" x14ac:dyDescent="0.15"/>
    <row r="840" ht="15" customHeight="1" x14ac:dyDescent="0.15"/>
    <row r="841" ht="15" customHeight="1" x14ac:dyDescent="0.15"/>
    <row r="842" ht="15" customHeight="1" x14ac:dyDescent="0.15"/>
    <row r="843" ht="15" customHeight="1" x14ac:dyDescent="0.15"/>
    <row r="844" ht="15" customHeight="1" x14ac:dyDescent="0.15"/>
    <row r="845" ht="15" customHeight="1" x14ac:dyDescent="0.15"/>
    <row r="846" ht="15" customHeight="1" x14ac:dyDescent="0.15"/>
    <row r="847" ht="15" customHeight="1" x14ac:dyDescent="0.15"/>
    <row r="848" ht="15" customHeight="1" x14ac:dyDescent="0.15"/>
    <row r="849" ht="15" customHeight="1" x14ac:dyDescent="0.15"/>
    <row r="850" ht="15" customHeight="1" x14ac:dyDescent="0.15"/>
    <row r="851" ht="15" customHeight="1" x14ac:dyDescent="0.15"/>
    <row r="852" ht="15" customHeight="1" x14ac:dyDescent="0.15"/>
    <row r="853" ht="15" customHeight="1" x14ac:dyDescent="0.15"/>
    <row r="854" ht="15" customHeight="1" x14ac:dyDescent="0.15"/>
    <row r="855" ht="15" customHeight="1" x14ac:dyDescent="0.15"/>
    <row r="856" ht="15" customHeight="1" x14ac:dyDescent="0.15"/>
    <row r="857" ht="15" customHeight="1" x14ac:dyDescent="0.15"/>
    <row r="858" ht="15" customHeight="1" x14ac:dyDescent="0.15"/>
    <row r="859" ht="15" customHeight="1" x14ac:dyDescent="0.15"/>
    <row r="860" ht="15" customHeight="1" x14ac:dyDescent="0.15"/>
    <row r="861" ht="15" customHeight="1" x14ac:dyDescent="0.15"/>
    <row r="862" ht="15" customHeight="1" x14ac:dyDescent="0.15"/>
    <row r="863" ht="15" customHeight="1" x14ac:dyDescent="0.15"/>
    <row r="864" ht="15" customHeight="1" x14ac:dyDescent="0.15"/>
    <row r="865" ht="15" customHeight="1" x14ac:dyDescent="0.15"/>
    <row r="866" ht="15" customHeight="1" x14ac:dyDescent="0.15"/>
    <row r="867" ht="15" customHeight="1" x14ac:dyDescent="0.15"/>
    <row r="868" ht="15" customHeight="1" x14ac:dyDescent="0.15"/>
    <row r="869" ht="15" customHeight="1" x14ac:dyDescent="0.15"/>
    <row r="870" ht="15" customHeight="1" x14ac:dyDescent="0.15"/>
    <row r="871" ht="15" customHeight="1" x14ac:dyDescent="0.15"/>
    <row r="872" ht="15" customHeight="1" x14ac:dyDescent="0.15"/>
    <row r="873" ht="15" customHeight="1" x14ac:dyDescent="0.15"/>
    <row r="874" ht="15" customHeight="1" x14ac:dyDescent="0.15"/>
    <row r="875" ht="15" customHeight="1" x14ac:dyDescent="0.15"/>
    <row r="876" ht="15" customHeight="1" x14ac:dyDescent="0.15"/>
    <row r="877" ht="15" customHeight="1" x14ac:dyDescent="0.15"/>
    <row r="878" ht="15" customHeight="1" x14ac:dyDescent="0.15"/>
    <row r="879" ht="15" customHeight="1" x14ac:dyDescent="0.15"/>
    <row r="880" ht="15" customHeight="1" x14ac:dyDescent="0.15"/>
    <row r="881" ht="15" customHeight="1" x14ac:dyDescent="0.15"/>
    <row r="882" ht="15" customHeight="1" x14ac:dyDescent="0.15"/>
    <row r="883" ht="15" customHeight="1" x14ac:dyDescent="0.15"/>
    <row r="884" ht="15" customHeight="1" x14ac:dyDescent="0.15"/>
    <row r="885" ht="15" customHeight="1" x14ac:dyDescent="0.15"/>
    <row r="886" ht="15" customHeight="1" x14ac:dyDescent="0.15"/>
    <row r="887" ht="15" customHeight="1" x14ac:dyDescent="0.15"/>
    <row r="888" ht="15" customHeight="1" x14ac:dyDescent="0.15"/>
    <row r="889" ht="15" customHeight="1" x14ac:dyDescent="0.15"/>
    <row r="890" ht="15" customHeight="1" x14ac:dyDescent="0.15"/>
    <row r="891" ht="15" customHeight="1" x14ac:dyDescent="0.15"/>
    <row r="892" ht="15" customHeight="1" x14ac:dyDescent="0.15"/>
    <row r="893" ht="15" customHeight="1" x14ac:dyDescent="0.15"/>
    <row r="894" ht="15" customHeight="1" x14ac:dyDescent="0.15"/>
    <row r="895" ht="15" customHeight="1" x14ac:dyDescent="0.15"/>
    <row r="896" ht="15" customHeight="1" x14ac:dyDescent="0.15"/>
    <row r="897" ht="15" customHeight="1" x14ac:dyDescent="0.15"/>
    <row r="898" ht="15" customHeight="1" x14ac:dyDescent="0.15"/>
    <row r="899" ht="15" customHeight="1" x14ac:dyDescent="0.15"/>
    <row r="900" ht="15" customHeight="1" x14ac:dyDescent="0.15"/>
    <row r="901" ht="15" customHeight="1" x14ac:dyDescent="0.15"/>
    <row r="902" ht="15" customHeight="1" x14ac:dyDescent="0.15"/>
    <row r="903" ht="15" customHeight="1" x14ac:dyDescent="0.15"/>
    <row r="904" ht="15" customHeight="1" x14ac:dyDescent="0.15"/>
    <row r="905" ht="15" customHeight="1" x14ac:dyDescent="0.15"/>
    <row r="906" ht="15" customHeight="1" x14ac:dyDescent="0.15"/>
    <row r="907" ht="15" customHeight="1" x14ac:dyDescent="0.15"/>
    <row r="908" ht="15" customHeight="1" x14ac:dyDescent="0.15"/>
    <row r="909" ht="15" customHeight="1" x14ac:dyDescent="0.15"/>
    <row r="910" ht="15" customHeight="1" x14ac:dyDescent="0.15"/>
    <row r="911" ht="15" customHeight="1" x14ac:dyDescent="0.15"/>
    <row r="912" ht="15" customHeight="1" x14ac:dyDescent="0.15"/>
    <row r="913" ht="15" customHeight="1" x14ac:dyDescent="0.15"/>
    <row r="914" ht="15" customHeight="1" x14ac:dyDescent="0.15"/>
    <row r="915" ht="15" customHeight="1" x14ac:dyDescent="0.15"/>
    <row r="916" ht="15" customHeight="1" x14ac:dyDescent="0.15"/>
    <row r="917" ht="15" customHeight="1" x14ac:dyDescent="0.15"/>
    <row r="918" ht="15" customHeight="1" x14ac:dyDescent="0.15"/>
    <row r="919" ht="15" customHeight="1" x14ac:dyDescent="0.15"/>
    <row r="920" ht="15" customHeight="1" x14ac:dyDescent="0.15"/>
    <row r="921" ht="15" customHeight="1" x14ac:dyDescent="0.15"/>
    <row r="922" ht="15" customHeight="1" x14ac:dyDescent="0.15"/>
    <row r="923" ht="15" customHeight="1" x14ac:dyDescent="0.15"/>
    <row r="924" ht="15" customHeight="1" x14ac:dyDescent="0.15"/>
    <row r="925" ht="15" customHeight="1" x14ac:dyDescent="0.15"/>
    <row r="926" ht="15" customHeight="1" x14ac:dyDescent="0.15"/>
    <row r="927" ht="15" customHeight="1" x14ac:dyDescent="0.15"/>
    <row r="928" ht="15" customHeight="1" x14ac:dyDescent="0.15"/>
    <row r="929" ht="15" customHeight="1" x14ac:dyDescent="0.15"/>
    <row r="930" ht="15" customHeight="1" x14ac:dyDescent="0.15"/>
    <row r="931" ht="15" customHeight="1" x14ac:dyDescent="0.15"/>
    <row r="932" ht="15" customHeight="1" x14ac:dyDescent="0.15"/>
    <row r="933" ht="15" customHeight="1" x14ac:dyDescent="0.15"/>
    <row r="934" ht="15" customHeight="1" x14ac:dyDescent="0.15"/>
    <row r="935" ht="15" customHeight="1" x14ac:dyDescent="0.15"/>
    <row r="936" ht="15" customHeight="1" x14ac:dyDescent="0.15"/>
    <row r="937" ht="15" customHeight="1" x14ac:dyDescent="0.15"/>
    <row r="938" ht="15" customHeight="1" x14ac:dyDescent="0.15"/>
    <row r="939" ht="15" customHeight="1" x14ac:dyDescent="0.15"/>
    <row r="940" ht="15" customHeight="1" x14ac:dyDescent="0.15"/>
    <row r="941" ht="15" customHeight="1" x14ac:dyDescent="0.15"/>
    <row r="942" ht="15" customHeight="1" x14ac:dyDescent="0.15"/>
    <row r="943" ht="15" customHeight="1" x14ac:dyDescent="0.15"/>
    <row r="944" ht="15" customHeight="1" x14ac:dyDescent="0.15"/>
    <row r="945" ht="15" customHeight="1" x14ac:dyDescent="0.15"/>
    <row r="946" ht="15" customHeight="1" x14ac:dyDescent="0.15"/>
    <row r="947" ht="15" customHeight="1" x14ac:dyDescent="0.15"/>
    <row r="948" ht="15" customHeight="1" x14ac:dyDescent="0.15"/>
    <row r="949" ht="15" customHeight="1" x14ac:dyDescent="0.15"/>
    <row r="950" ht="15" customHeight="1" x14ac:dyDescent="0.15"/>
    <row r="951" ht="15" customHeight="1" x14ac:dyDescent="0.15"/>
    <row r="952" ht="15" customHeight="1" x14ac:dyDescent="0.15"/>
    <row r="953" ht="15" customHeight="1" x14ac:dyDescent="0.15"/>
    <row r="954" ht="15" customHeight="1" x14ac:dyDescent="0.15"/>
    <row r="955" ht="15" customHeight="1" x14ac:dyDescent="0.15"/>
    <row r="956" ht="15" customHeight="1" x14ac:dyDescent="0.15"/>
    <row r="957" ht="15" customHeight="1" x14ac:dyDescent="0.15"/>
    <row r="958" ht="15" customHeight="1" x14ac:dyDescent="0.15"/>
    <row r="959" ht="15" customHeight="1" x14ac:dyDescent="0.15"/>
    <row r="960" ht="15" customHeight="1" x14ac:dyDescent="0.15"/>
    <row r="961" ht="15" customHeight="1" x14ac:dyDescent="0.15"/>
    <row r="962" ht="15" customHeight="1" x14ac:dyDescent="0.15"/>
    <row r="963" ht="15" customHeight="1" x14ac:dyDescent="0.15"/>
    <row r="964" ht="15" customHeight="1" x14ac:dyDescent="0.15"/>
    <row r="965" ht="15" customHeight="1" x14ac:dyDescent="0.15"/>
    <row r="966" ht="15" customHeight="1" x14ac:dyDescent="0.15"/>
    <row r="967" ht="15" customHeight="1" x14ac:dyDescent="0.15"/>
    <row r="968" ht="15" customHeight="1" x14ac:dyDescent="0.15"/>
    <row r="969" ht="15" customHeight="1" x14ac:dyDescent="0.15"/>
    <row r="970" ht="15" customHeight="1" x14ac:dyDescent="0.15"/>
    <row r="971" ht="15" customHeight="1" x14ac:dyDescent="0.15"/>
    <row r="972" ht="15" customHeight="1" x14ac:dyDescent="0.15"/>
    <row r="973" ht="15" customHeight="1" x14ac:dyDescent="0.15"/>
    <row r="974" ht="15" customHeight="1" x14ac:dyDescent="0.15"/>
    <row r="975" ht="15" customHeight="1" x14ac:dyDescent="0.15"/>
    <row r="976" ht="15" customHeight="1" x14ac:dyDescent="0.15"/>
    <row r="977" ht="15" customHeight="1" x14ac:dyDescent="0.15"/>
    <row r="978" ht="15" customHeight="1" x14ac:dyDescent="0.15"/>
    <row r="979" ht="15" customHeight="1" x14ac:dyDescent="0.15"/>
    <row r="980" ht="15" customHeight="1" x14ac:dyDescent="0.15"/>
    <row r="981" ht="15" customHeight="1" x14ac:dyDescent="0.15"/>
    <row r="982" ht="15" customHeight="1" x14ac:dyDescent="0.15"/>
    <row r="983" ht="15" customHeight="1" x14ac:dyDescent="0.15"/>
    <row r="984" ht="15" customHeight="1" x14ac:dyDescent="0.15"/>
    <row r="985" ht="15" customHeight="1" x14ac:dyDescent="0.15"/>
    <row r="986" ht="15" customHeight="1" x14ac:dyDescent="0.15"/>
    <row r="987" ht="15" customHeight="1" x14ac:dyDescent="0.15"/>
    <row r="988" ht="15" customHeight="1" x14ac:dyDescent="0.15"/>
    <row r="989" ht="15" customHeight="1" x14ac:dyDescent="0.15"/>
    <row r="990" ht="15" customHeight="1" x14ac:dyDescent="0.15"/>
    <row r="991" ht="15" customHeight="1" x14ac:dyDescent="0.15"/>
    <row r="992" ht="15" customHeight="1" x14ac:dyDescent="0.15"/>
    <row r="993" ht="15" customHeight="1" x14ac:dyDescent="0.15"/>
    <row r="994" ht="15" customHeight="1" x14ac:dyDescent="0.15"/>
    <row r="995" ht="15" customHeight="1" x14ac:dyDescent="0.15"/>
    <row r="996" ht="15" customHeight="1" x14ac:dyDescent="0.15"/>
    <row r="997" ht="15" customHeight="1" x14ac:dyDescent="0.15"/>
    <row r="998" ht="15" customHeight="1" x14ac:dyDescent="0.15"/>
    <row r="999" ht="15" customHeight="1" x14ac:dyDescent="0.15"/>
    <row r="1000" ht="15" customHeight="1" x14ac:dyDescent="0.15"/>
    <row r="1001" ht="15" customHeight="1" x14ac:dyDescent="0.15"/>
    <row r="1002" ht="15" customHeight="1" x14ac:dyDescent="0.15"/>
    <row r="1003" ht="15" customHeight="1" x14ac:dyDescent="0.15"/>
    <row r="1004" ht="15" customHeight="1" x14ac:dyDescent="0.15"/>
    <row r="1005" ht="15" customHeight="1" x14ac:dyDescent="0.15"/>
    <row r="1006" ht="15" customHeight="1" x14ac:dyDescent="0.15"/>
    <row r="1007" ht="15" customHeight="1" x14ac:dyDescent="0.15"/>
    <row r="1008" ht="15" customHeight="1" x14ac:dyDescent="0.15"/>
    <row r="1009" ht="15" customHeight="1" x14ac:dyDescent="0.15"/>
    <row r="1010" ht="15" customHeight="1" x14ac:dyDescent="0.15"/>
    <row r="1011" ht="15" customHeight="1" x14ac:dyDescent="0.15"/>
    <row r="1012" ht="15" customHeight="1" x14ac:dyDescent="0.15"/>
    <row r="1013" ht="15" customHeight="1" x14ac:dyDescent="0.15"/>
    <row r="1014" ht="15" customHeight="1" x14ac:dyDescent="0.15"/>
    <row r="1015" ht="15" customHeight="1" x14ac:dyDescent="0.15"/>
    <row r="1016" ht="15" customHeight="1" x14ac:dyDescent="0.15"/>
    <row r="1017" ht="15" customHeight="1" x14ac:dyDescent="0.15"/>
    <row r="1018" ht="15" customHeight="1" x14ac:dyDescent="0.15"/>
    <row r="1019" ht="15" customHeight="1" x14ac:dyDescent="0.15"/>
    <row r="1020" ht="15" customHeight="1" x14ac:dyDescent="0.15"/>
    <row r="1021" ht="15" customHeight="1" x14ac:dyDescent="0.15"/>
    <row r="1022" ht="15" customHeight="1" x14ac:dyDescent="0.15"/>
    <row r="1023" ht="15" customHeight="1" x14ac:dyDescent="0.15"/>
    <row r="1024" ht="15" customHeight="1" x14ac:dyDescent="0.15"/>
    <row r="1025" ht="15" customHeight="1" x14ac:dyDescent="0.15"/>
    <row r="1026" ht="15" customHeight="1" x14ac:dyDescent="0.15"/>
    <row r="1027" ht="15" customHeight="1" x14ac:dyDescent="0.15"/>
    <row r="1028" ht="15" customHeight="1" x14ac:dyDescent="0.15"/>
    <row r="1029" ht="15" customHeight="1" x14ac:dyDescent="0.15"/>
    <row r="1030" ht="15" customHeight="1" x14ac:dyDescent="0.15"/>
    <row r="1031" ht="15" customHeight="1" x14ac:dyDescent="0.15"/>
    <row r="1032" ht="15" customHeight="1" x14ac:dyDescent="0.15"/>
    <row r="1033" ht="15" customHeight="1" x14ac:dyDescent="0.15"/>
    <row r="1034" ht="15" customHeight="1" x14ac:dyDescent="0.15"/>
    <row r="1035" ht="15" customHeight="1" x14ac:dyDescent="0.15"/>
    <row r="1036" ht="15" customHeight="1" x14ac:dyDescent="0.15"/>
    <row r="1037" ht="15" customHeight="1" x14ac:dyDescent="0.15"/>
    <row r="1038" ht="15" customHeight="1" x14ac:dyDescent="0.15"/>
    <row r="1039" ht="15" customHeight="1" x14ac:dyDescent="0.15"/>
    <row r="1040" ht="15" customHeight="1" x14ac:dyDescent="0.15"/>
    <row r="1041" ht="15" customHeight="1" x14ac:dyDescent="0.15"/>
    <row r="1042" ht="15" customHeight="1" x14ac:dyDescent="0.15"/>
    <row r="1043" ht="15" customHeight="1" x14ac:dyDescent="0.15"/>
    <row r="1044" ht="15" customHeight="1" x14ac:dyDescent="0.15"/>
    <row r="1045" ht="15" customHeight="1" x14ac:dyDescent="0.15"/>
    <row r="1046" ht="15" customHeight="1" x14ac:dyDescent="0.15"/>
    <row r="1047" ht="15" customHeight="1" x14ac:dyDescent="0.15"/>
    <row r="1048" ht="15" customHeight="1" x14ac:dyDescent="0.15"/>
    <row r="1049" ht="15" customHeight="1" x14ac:dyDescent="0.15"/>
    <row r="1050" ht="15" customHeight="1" x14ac:dyDescent="0.15"/>
    <row r="1051" ht="15" customHeight="1" x14ac:dyDescent="0.15"/>
    <row r="1052" ht="15" customHeight="1" x14ac:dyDescent="0.15"/>
    <row r="1053" ht="15" customHeight="1" x14ac:dyDescent="0.15"/>
    <row r="1054" ht="15" customHeight="1" x14ac:dyDescent="0.15"/>
    <row r="1055" ht="15" customHeight="1" x14ac:dyDescent="0.15"/>
    <row r="1056" ht="15" customHeight="1" x14ac:dyDescent="0.15"/>
    <row r="1057" ht="15" customHeight="1" x14ac:dyDescent="0.15"/>
    <row r="1058" ht="15" customHeight="1" x14ac:dyDescent="0.15"/>
    <row r="1059" ht="15" customHeight="1" x14ac:dyDescent="0.15"/>
    <row r="1060" ht="15" customHeight="1" x14ac:dyDescent="0.15"/>
    <row r="1061" ht="15" customHeight="1" x14ac:dyDescent="0.15"/>
    <row r="1062" ht="15" customHeight="1" x14ac:dyDescent="0.15"/>
    <row r="1063" ht="15" customHeight="1" x14ac:dyDescent="0.15"/>
    <row r="1064" ht="15" customHeight="1" x14ac:dyDescent="0.15"/>
    <row r="1065" ht="15" customHeight="1" x14ac:dyDescent="0.15"/>
    <row r="1066" ht="15" customHeight="1" x14ac:dyDescent="0.15"/>
    <row r="1067" ht="15" customHeight="1" x14ac:dyDescent="0.15"/>
    <row r="1068" ht="15" customHeight="1" x14ac:dyDescent="0.15"/>
    <row r="1069" ht="15" customHeight="1" x14ac:dyDescent="0.15"/>
    <row r="1070" ht="15" customHeight="1" x14ac:dyDescent="0.15"/>
    <row r="1071" ht="15" customHeight="1" x14ac:dyDescent="0.15"/>
    <row r="1072" ht="15" customHeight="1" x14ac:dyDescent="0.15"/>
    <row r="1073" ht="15" customHeight="1" x14ac:dyDescent="0.15"/>
    <row r="1074" ht="15" customHeight="1" x14ac:dyDescent="0.15"/>
    <row r="1075" ht="15" customHeight="1" x14ac:dyDescent="0.15"/>
    <row r="1076" ht="15" customHeight="1" x14ac:dyDescent="0.15"/>
    <row r="1077" ht="15" customHeight="1" x14ac:dyDescent="0.15"/>
    <row r="1078" ht="15" customHeight="1" x14ac:dyDescent="0.15"/>
    <row r="1079" ht="15" customHeight="1" x14ac:dyDescent="0.15"/>
    <row r="1080" ht="15" customHeight="1" x14ac:dyDescent="0.15"/>
    <row r="1081" ht="15" customHeight="1" x14ac:dyDescent="0.15"/>
    <row r="1082" ht="15" customHeight="1" x14ac:dyDescent="0.15"/>
    <row r="1083" ht="15" customHeight="1" x14ac:dyDescent="0.15"/>
    <row r="1084" ht="15" customHeight="1" x14ac:dyDescent="0.15"/>
    <row r="1085" ht="15" customHeight="1" x14ac:dyDescent="0.15"/>
    <row r="1086" ht="15" customHeight="1" x14ac:dyDescent="0.15"/>
    <row r="1087" ht="15" customHeight="1" x14ac:dyDescent="0.15"/>
    <row r="1088" ht="15" customHeight="1" x14ac:dyDescent="0.15"/>
    <row r="1089" ht="15" customHeight="1" x14ac:dyDescent="0.15"/>
    <row r="1090" ht="15" customHeight="1" x14ac:dyDescent="0.15"/>
    <row r="1091" ht="15" customHeight="1" x14ac:dyDescent="0.15"/>
    <row r="1092" ht="15" customHeight="1" x14ac:dyDescent="0.15"/>
    <row r="1093" ht="15" customHeight="1" x14ac:dyDescent="0.15"/>
    <row r="1094" ht="15" customHeight="1" x14ac:dyDescent="0.15"/>
    <row r="1095" ht="15" customHeight="1" x14ac:dyDescent="0.15"/>
    <row r="1096" ht="15" customHeight="1" x14ac:dyDescent="0.15"/>
    <row r="1097" ht="15" customHeight="1" x14ac:dyDescent="0.15"/>
    <row r="1098" ht="15" customHeight="1" x14ac:dyDescent="0.15"/>
    <row r="1099" ht="15" customHeight="1" x14ac:dyDescent="0.15"/>
    <row r="1100" ht="15" customHeight="1" x14ac:dyDescent="0.15"/>
    <row r="1101" ht="15" customHeight="1" x14ac:dyDescent="0.15"/>
    <row r="1102" ht="15" customHeight="1" x14ac:dyDescent="0.15"/>
    <row r="1103" ht="15" customHeight="1" x14ac:dyDescent="0.15"/>
    <row r="1104" ht="15" customHeight="1" x14ac:dyDescent="0.15"/>
    <row r="1105" ht="15" customHeight="1" x14ac:dyDescent="0.15"/>
    <row r="1106" ht="15" customHeight="1" x14ac:dyDescent="0.15"/>
    <row r="1107" ht="15" customHeight="1" x14ac:dyDescent="0.15"/>
    <row r="1108" ht="15" customHeight="1" x14ac:dyDescent="0.15"/>
    <row r="1109" ht="15" customHeight="1" x14ac:dyDescent="0.15"/>
    <row r="1110" ht="15" customHeight="1" x14ac:dyDescent="0.15"/>
    <row r="1111" ht="15" customHeight="1" x14ac:dyDescent="0.15"/>
    <row r="1112" ht="15" customHeight="1" x14ac:dyDescent="0.15"/>
    <row r="1113" ht="15" customHeight="1" x14ac:dyDescent="0.15"/>
    <row r="1114" ht="15" customHeight="1" x14ac:dyDescent="0.15"/>
    <row r="1115" ht="15" customHeight="1" x14ac:dyDescent="0.15"/>
    <row r="1116" ht="15" customHeight="1" x14ac:dyDescent="0.15"/>
    <row r="1117" ht="15" customHeight="1" x14ac:dyDescent="0.15"/>
    <row r="1118" ht="15" customHeight="1" x14ac:dyDescent="0.15"/>
    <row r="1119" ht="15" customHeight="1" x14ac:dyDescent="0.15"/>
    <row r="1120" ht="15" customHeight="1" x14ac:dyDescent="0.15"/>
    <row r="1121" ht="15" customHeight="1" x14ac:dyDescent="0.15"/>
    <row r="1122" ht="15" customHeight="1" x14ac:dyDescent="0.15"/>
    <row r="1123" ht="15" customHeight="1" x14ac:dyDescent="0.15"/>
    <row r="1124" ht="15" customHeight="1" x14ac:dyDescent="0.15"/>
    <row r="1125" ht="15" customHeight="1" x14ac:dyDescent="0.15"/>
    <row r="1126" ht="15" customHeight="1" x14ac:dyDescent="0.15"/>
    <row r="1127" ht="15" customHeight="1" x14ac:dyDescent="0.15"/>
    <row r="1128" ht="15" customHeight="1" x14ac:dyDescent="0.15"/>
    <row r="1129" ht="15" customHeight="1" x14ac:dyDescent="0.15"/>
    <row r="1130" ht="15" customHeight="1" x14ac:dyDescent="0.15"/>
    <row r="1131" ht="15" customHeight="1" x14ac:dyDescent="0.15"/>
    <row r="1132" ht="15" customHeight="1" x14ac:dyDescent="0.15"/>
    <row r="1133" ht="15" customHeight="1" x14ac:dyDescent="0.15"/>
    <row r="1134" ht="15" customHeight="1" x14ac:dyDescent="0.15"/>
    <row r="1135" ht="15" customHeight="1" x14ac:dyDescent="0.15"/>
    <row r="1136" ht="15" customHeight="1" x14ac:dyDescent="0.15"/>
    <row r="1137" ht="15" customHeight="1" x14ac:dyDescent="0.15"/>
    <row r="1138" ht="15" customHeight="1" x14ac:dyDescent="0.15"/>
    <row r="1139" ht="15" customHeight="1" x14ac:dyDescent="0.15"/>
    <row r="1140" ht="15" customHeight="1" x14ac:dyDescent="0.15"/>
    <row r="1141" ht="15" customHeight="1" x14ac:dyDescent="0.15"/>
    <row r="1142" ht="15" customHeight="1" x14ac:dyDescent="0.15"/>
    <row r="1143" ht="15" customHeight="1" x14ac:dyDescent="0.15"/>
    <row r="1144" ht="15" customHeight="1" x14ac:dyDescent="0.15"/>
    <row r="1145" ht="15" customHeight="1" x14ac:dyDescent="0.15"/>
    <row r="1146" ht="15" customHeight="1" x14ac:dyDescent="0.15"/>
    <row r="1147" ht="15" customHeight="1" x14ac:dyDescent="0.15"/>
    <row r="1148" ht="15" customHeight="1" x14ac:dyDescent="0.15"/>
    <row r="1149" ht="15" customHeight="1" x14ac:dyDescent="0.15"/>
    <row r="1150" ht="15" customHeight="1" x14ac:dyDescent="0.15"/>
    <row r="1151" ht="15" customHeight="1" x14ac:dyDescent="0.15"/>
    <row r="1152" ht="15" customHeight="1" x14ac:dyDescent="0.15"/>
    <row r="1153" ht="15" customHeight="1" x14ac:dyDescent="0.15"/>
    <row r="1154" ht="15" customHeight="1" x14ac:dyDescent="0.15"/>
    <row r="1155" ht="15" customHeight="1" x14ac:dyDescent="0.15"/>
    <row r="1156" ht="15" customHeight="1" x14ac:dyDescent="0.15"/>
    <row r="1157" ht="15" customHeight="1" x14ac:dyDescent="0.15"/>
    <row r="1158" ht="15" customHeight="1" x14ac:dyDescent="0.15"/>
    <row r="1159" ht="15" customHeight="1" x14ac:dyDescent="0.15"/>
    <row r="1160" ht="15" customHeight="1" x14ac:dyDescent="0.15"/>
    <row r="1161" ht="15" customHeight="1" x14ac:dyDescent="0.15"/>
    <row r="1162" ht="15" customHeight="1" x14ac:dyDescent="0.15"/>
  </sheetData>
  <mergeCells count="78">
    <mergeCell ref="Y17:AJ17"/>
    <mergeCell ref="B4:AK5"/>
    <mergeCell ref="X7:Y8"/>
    <mergeCell ref="Z7:AA8"/>
    <mergeCell ref="AB7:AC8"/>
    <mergeCell ref="AD7:AE8"/>
    <mergeCell ref="AF7:AG8"/>
    <mergeCell ref="AH7:AI8"/>
    <mergeCell ref="AJ7:AK8"/>
    <mergeCell ref="T15:X16"/>
    <mergeCell ref="Y15:AI16"/>
    <mergeCell ref="AJ15:AK16"/>
    <mergeCell ref="C9:L9"/>
    <mergeCell ref="O10:S11"/>
    <mergeCell ref="T10:W11"/>
    <mergeCell ref="X10:AK11"/>
    <mergeCell ref="T12:W13"/>
    <mergeCell ref="X12:AI13"/>
    <mergeCell ref="AJ12:AK13"/>
    <mergeCell ref="Y14:AI14"/>
    <mergeCell ref="C21:AL23"/>
    <mergeCell ref="B24:AL26"/>
    <mergeCell ref="B27:C29"/>
    <mergeCell ref="D27:J29"/>
    <mergeCell ref="L27:M29"/>
    <mergeCell ref="N27:Q29"/>
    <mergeCell ref="R27:S29"/>
    <mergeCell ref="B30:C32"/>
    <mergeCell ref="D30:J32"/>
    <mergeCell ref="L30:O32"/>
    <mergeCell ref="P30:AI32"/>
    <mergeCell ref="B33:C35"/>
    <mergeCell ref="D33:J35"/>
    <mergeCell ref="L33:AI35"/>
    <mergeCell ref="AA36:AB38"/>
    <mergeCell ref="B36:C38"/>
    <mergeCell ref="D36:J38"/>
    <mergeCell ref="L36:M38"/>
    <mergeCell ref="N36:O38"/>
    <mergeCell ref="P36:P38"/>
    <mergeCell ref="Q36:R38"/>
    <mergeCell ref="S36:S38"/>
    <mergeCell ref="T36:U38"/>
    <mergeCell ref="V36:V38"/>
    <mergeCell ref="W36:X38"/>
    <mergeCell ref="Y36:Z38"/>
    <mergeCell ref="B39:C41"/>
    <mergeCell ref="D39:J41"/>
    <mergeCell ref="L39:M41"/>
    <mergeCell ref="N39:O41"/>
    <mergeCell ref="P39:P41"/>
    <mergeCell ref="AC36:AC38"/>
    <mergeCell ref="AD36:AE38"/>
    <mergeCell ref="AF36:AF38"/>
    <mergeCell ref="AG36:AH38"/>
    <mergeCell ref="AI36:AI38"/>
    <mergeCell ref="AC39:AC41"/>
    <mergeCell ref="AD39:AE41"/>
    <mergeCell ref="AF39:AF41"/>
    <mergeCell ref="AG39:AH41"/>
    <mergeCell ref="AI39:AI41"/>
    <mergeCell ref="AA39:AB41"/>
    <mergeCell ref="Q39:R41"/>
    <mergeCell ref="S39:S41"/>
    <mergeCell ref="T39:U41"/>
    <mergeCell ref="V39:V41"/>
    <mergeCell ref="W39:X41"/>
    <mergeCell ref="Y39:Z41"/>
    <mergeCell ref="L45:AI47"/>
    <mergeCell ref="B45:C47"/>
    <mergeCell ref="D45:J47"/>
    <mergeCell ref="B48:J50"/>
    <mergeCell ref="B42:C44"/>
    <mergeCell ref="D42:J44"/>
    <mergeCell ref="L42:M44"/>
    <mergeCell ref="N42:Q44"/>
    <mergeCell ref="R42:S44"/>
    <mergeCell ref="T42:U44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AL983"/>
  <sheetViews>
    <sheetView showGridLines="0" view="pageBreakPreview" zoomScaleNormal="70" zoomScaleSheetLayoutView="100" workbookViewId="0">
      <selection activeCell="B4" sqref="B4:AK5"/>
    </sheetView>
  </sheetViews>
  <sheetFormatPr defaultColWidth="0" defaultRowHeight="0" customHeight="1" zeroHeight="1" x14ac:dyDescent="0.15"/>
  <cols>
    <col min="1" max="1" width="0.75" style="2" customWidth="1"/>
    <col min="2" max="9" width="2.375" style="1" customWidth="1"/>
    <col min="10" max="36" width="2.5" style="1" customWidth="1"/>
    <col min="37" max="37" width="3.125" style="1" customWidth="1"/>
    <col min="38" max="38" width="0.75" style="2" customWidth="1"/>
    <col min="39" max="16384" width="2.5" style="1" hidden="1"/>
  </cols>
  <sheetData>
    <row r="1" spans="2:37" s="2" customFormat="1" ht="15" customHeight="1" x14ac:dyDescent="0.15"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</row>
    <row r="2" spans="2:37" s="2" customFormat="1" ht="15" customHeight="1" x14ac:dyDescent="0.15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</row>
    <row r="3" spans="2:37" s="2" customFormat="1" ht="15" customHeight="1" x14ac:dyDescent="0.15"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</row>
    <row r="4" spans="2:37" s="2" customFormat="1" ht="15" customHeight="1" x14ac:dyDescent="0.15">
      <c r="B4" s="115" t="s">
        <v>43</v>
      </c>
      <c r="C4" s="115"/>
      <c r="D4" s="115"/>
      <c r="E4" s="115"/>
      <c r="F4" s="115"/>
      <c r="G4" s="115"/>
      <c r="H4" s="115"/>
      <c r="I4" s="115"/>
      <c r="J4" s="115"/>
      <c r="K4" s="115"/>
      <c r="L4" s="115"/>
      <c r="M4" s="115"/>
      <c r="N4" s="115"/>
      <c r="O4" s="115"/>
      <c r="P4" s="115"/>
      <c r="Q4" s="115"/>
      <c r="R4" s="115"/>
      <c r="S4" s="115"/>
      <c r="T4" s="115"/>
      <c r="U4" s="115"/>
      <c r="V4" s="115"/>
      <c r="W4" s="115"/>
      <c r="X4" s="115"/>
      <c r="Y4" s="115"/>
      <c r="Z4" s="115"/>
      <c r="AA4" s="115"/>
      <c r="AB4" s="115"/>
      <c r="AC4" s="115"/>
      <c r="AD4" s="115"/>
      <c r="AE4" s="115"/>
      <c r="AF4" s="115"/>
      <c r="AG4" s="115"/>
      <c r="AH4" s="115"/>
      <c r="AI4" s="115"/>
      <c r="AJ4" s="115"/>
      <c r="AK4" s="115"/>
    </row>
    <row r="5" spans="2:37" s="2" customFormat="1" ht="15" customHeight="1" x14ac:dyDescent="0.15">
      <c r="B5" s="115"/>
      <c r="C5" s="115"/>
      <c r="D5" s="115"/>
      <c r="E5" s="115"/>
      <c r="F5" s="115"/>
      <c r="G5" s="115"/>
      <c r="H5" s="115"/>
      <c r="I5" s="115"/>
      <c r="J5" s="115"/>
      <c r="K5" s="115"/>
      <c r="L5" s="115"/>
      <c r="M5" s="115"/>
      <c r="N5" s="115"/>
      <c r="O5" s="115"/>
      <c r="P5" s="115"/>
      <c r="Q5" s="115"/>
      <c r="R5" s="115"/>
      <c r="S5" s="115"/>
      <c r="T5" s="115"/>
      <c r="U5" s="115"/>
      <c r="V5" s="115"/>
      <c r="W5" s="115"/>
      <c r="X5" s="115"/>
      <c r="Y5" s="115"/>
      <c r="Z5" s="115"/>
      <c r="AA5" s="115"/>
      <c r="AB5" s="115"/>
      <c r="AC5" s="115"/>
      <c r="AD5" s="115"/>
      <c r="AE5" s="115"/>
      <c r="AF5" s="115"/>
      <c r="AG5" s="115"/>
      <c r="AH5" s="115"/>
      <c r="AI5" s="115"/>
      <c r="AJ5" s="115"/>
      <c r="AK5" s="115"/>
    </row>
    <row r="6" spans="2:37" s="2" customFormat="1" ht="15" customHeight="1" x14ac:dyDescent="0.15">
      <c r="B6" s="21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  <c r="AG6" s="21"/>
      <c r="AH6" s="21"/>
      <c r="AI6" s="21"/>
      <c r="AJ6" s="21"/>
      <c r="AK6" s="21"/>
    </row>
    <row r="7" spans="2:37" s="2" customFormat="1" ht="15" customHeight="1" x14ac:dyDescent="0.15"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47"/>
      <c r="Y7" s="47"/>
      <c r="Z7" s="47"/>
      <c r="AA7" s="47"/>
      <c r="AB7" s="47" t="s">
        <v>1</v>
      </c>
      <c r="AC7" s="47"/>
      <c r="AD7" s="47"/>
      <c r="AE7" s="47"/>
      <c r="AF7" s="47" t="s">
        <v>2</v>
      </c>
      <c r="AG7" s="47"/>
      <c r="AH7" s="47"/>
      <c r="AI7" s="47"/>
      <c r="AJ7" s="47" t="s">
        <v>3</v>
      </c>
      <c r="AK7" s="47"/>
    </row>
    <row r="8" spans="2:37" s="2" customFormat="1" ht="15" customHeight="1" x14ac:dyDescent="0.15"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47"/>
      <c r="Y8" s="47"/>
      <c r="Z8" s="47"/>
      <c r="AA8" s="47"/>
      <c r="AB8" s="47"/>
      <c r="AC8" s="47"/>
      <c r="AD8" s="47"/>
      <c r="AE8" s="47"/>
      <c r="AF8" s="47"/>
      <c r="AG8" s="47"/>
      <c r="AH8" s="47"/>
      <c r="AI8" s="47"/>
      <c r="AJ8" s="47"/>
      <c r="AK8" s="47"/>
    </row>
    <row r="9" spans="2:37" s="2" customFormat="1" ht="15" customHeight="1" x14ac:dyDescent="0.15">
      <c r="B9" s="80" t="s">
        <v>4</v>
      </c>
      <c r="C9" s="80"/>
      <c r="D9" s="80"/>
      <c r="E9" s="80"/>
      <c r="F9" s="80"/>
      <c r="G9" s="80"/>
      <c r="H9" s="80"/>
      <c r="I9" s="80"/>
      <c r="J9" s="80"/>
      <c r="K9" s="80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</row>
    <row r="10" spans="2:37" s="2" customFormat="1" ht="15" customHeight="1" x14ac:dyDescent="0.15">
      <c r="B10" s="80"/>
      <c r="C10" s="80"/>
      <c r="D10" s="80"/>
      <c r="E10" s="80"/>
      <c r="F10" s="80"/>
      <c r="G10" s="80"/>
      <c r="H10" s="80"/>
      <c r="I10" s="80"/>
      <c r="J10" s="80"/>
      <c r="K10" s="80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1"/>
      <c r="AI10" s="1"/>
      <c r="AJ10" s="1"/>
      <c r="AK10" s="1"/>
    </row>
    <row r="11" spans="2:37" s="2" customFormat="1" ht="15" customHeight="1" x14ac:dyDescent="0.15">
      <c r="B11" s="3"/>
      <c r="C11" s="3"/>
      <c r="D11" s="3"/>
      <c r="E11" s="3"/>
      <c r="F11" s="3"/>
      <c r="G11" s="3"/>
      <c r="H11" s="3"/>
      <c r="I11" s="3"/>
      <c r="J11" s="3"/>
      <c r="K11" s="3"/>
      <c r="L11" s="1"/>
      <c r="M11" s="1"/>
      <c r="N11" s="1"/>
      <c r="O11" s="1"/>
      <c r="P11" s="1"/>
      <c r="Q11" s="73" t="s">
        <v>5</v>
      </c>
      <c r="R11" s="73"/>
      <c r="S11" s="73"/>
      <c r="T11" s="73"/>
      <c r="U11" s="113" t="s">
        <v>6</v>
      </c>
      <c r="V11" s="113"/>
      <c r="W11" s="113"/>
      <c r="X11" s="47"/>
      <c r="Y11" s="47"/>
      <c r="Z11" s="47"/>
      <c r="AA11" s="47"/>
      <c r="AB11" s="47"/>
      <c r="AC11" s="47"/>
      <c r="AD11" s="47"/>
      <c r="AE11" s="47"/>
      <c r="AF11" s="47"/>
      <c r="AG11" s="47"/>
      <c r="AH11" s="47"/>
      <c r="AI11" s="47"/>
      <c r="AJ11" s="47"/>
      <c r="AK11" s="47"/>
    </row>
    <row r="12" spans="2:37" s="2" customFormat="1" ht="15" customHeight="1" x14ac:dyDescent="0.15"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73"/>
      <c r="R12" s="73"/>
      <c r="S12" s="73"/>
      <c r="T12" s="73"/>
      <c r="U12" s="113"/>
      <c r="V12" s="113"/>
      <c r="W12" s="113"/>
      <c r="X12" s="47"/>
      <c r="Y12" s="47"/>
      <c r="Z12" s="47"/>
      <c r="AA12" s="47"/>
      <c r="AB12" s="47"/>
      <c r="AC12" s="47"/>
      <c r="AD12" s="47"/>
      <c r="AE12" s="47"/>
      <c r="AF12" s="47"/>
      <c r="AG12" s="47"/>
      <c r="AH12" s="47"/>
      <c r="AI12" s="47"/>
      <c r="AJ12" s="47"/>
      <c r="AK12" s="47"/>
    </row>
    <row r="13" spans="2:37" s="2" customFormat="1" ht="15" customHeight="1" x14ac:dyDescent="0.15"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6"/>
      <c r="S13" s="6"/>
      <c r="T13" s="6"/>
      <c r="U13" s="113" t="s">
        <v>7</v>
      </c>
      <c r="V13" s="113"/>
      <c r="W13" s="113"/>
      <c r="X13" s="47"/>
      <c r="Y13" s="47"/>
      <c r="Z13" s="47"/>
      <c r="AA13" s="47"/>
      <c r="AB13" s="47"/>
      <c r="AC13" s="47"/>
      <c r="AD13" s="47"/>
      <c r="AE13" s="47"/>
      <c r="AF13" s="47"/>
      <c r="AG13" s="47"/>
      <c r="AH13" s="47"/>
      <c r="AI13" s="47"/>
      <c r="AJ13" s="47" t="s">
        <v>8</v>
      </c>
      <c r="AK13" s="47"/>
    </row>
    <row r="14" spans="2:37" s="2" customFormat="1" ht="15" customHeight="1" x14ac:dyDescent="0.15"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6"/>
      <c r="S14" s="6"/>
      <c r="T14" s="6"/>
      <c r="U14" s="113"/>
      <c r="V14" s="113"/>
      <c r="W14" s="113"/>
      <c r="X14" s="47"/>
      <c r="Y14" s="47"/>
      <c r="Z14" s="47"/>
      <c r="AA14" s="47"/>
      <c r="AB14" s="47"/>
      <c r="AC14" s="47"/>
      <c r="AD14" s="47"/>
      <c r="AE14" s="47"/>
      <c r="AF14" s="47"/>
      <c r="AG14" s="47"/>
      <c r="AH14" s="47"/>
      <c r="AI14" s="47"/>
      <c r="AJ14" s="47"/>
      <c r="AK14" s="47"/>
    </row>
    <row r="15" spans="2:37" s="2" customFormat="1" ht="15" customHeight="1" x14ac:dyDescent="0.15"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14" t="s">
        <v>61</v>
      </c>
      <c r="V15" s="114"/>
      <c r="W15" s="114"/>
      <c r="X15" s="114"/>
      <c r="Y15" s="114"/>
      <c r="Z15" s="114"/>
      <c r="AA15" s="114"/>
      <c r="AB15" s="114"/>
      <c r="AC15" s="114"/>
      <c r="AD15" s="114"/>
      <c r="AE15" s="114"/>
      <c r="AF15" s="114"/>
      <c r="AG15" s="114"/>
      <c r="AH15" s="114"/>
      <c r="AI15" s="114"/>
      <c r="AJ15" s="114"/>
      <c r="AK15" s="1"/>
    </row>
    <row r="16" spans="2:37" s="2" customFormat="1" ht="15" customHeight="1" x14ac:dyDescent="0.15"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  <c r="AA16" s="1"/>
      <c r="AB16" s="1"/>
      <c r="AC16" s="1"/>
      <c r="AD16" s="1"/>
      <c r="AE16" s="1"/>
      <c r="AF16" s="1"/>
      <c r="AG16" s="1"/>
      <c r="AH16" s="1"/>
      <c r="AI16" s="1"/>
      <c r="AJ16" s="1"/>
      <c r="AK16" s="1"/>
    </row>
    <row r="17" spans="2:37" s="2" customFormat="1" ht="15" customHeight="1" x14ac:dyDescent="0.15">
      <c r="B17" s="47" t="s">
        <v>44</v>
      </c>
      <c r="C17" s="47"/>
      <c r="D17" s="47"/>
      <c r="E17" s="47"/>
      <c r="F17" s="47"/>
      <c r="G17" s="47"/>
      <c r="H17" s="47"/>
      <c r="I17" s="47"/>
      <c r="J17" s="47"/>
      <c r="K17" s="47"/>
      <c r="L17" s="47"/>
      <c r="M17" s="47"/>
      <c r="N17" s="47"/>
      <c r="O17" s="47"/>
      <c r="P17" s="47"/>
      <c r="Q17" s="47"/>
      <c r="R17" s="47"/>
      <c r="S17" s="47"/>
      <c r="T17" s="47"/>
      <c r="U17" s="47"/>
      <c r="V17" s="47"/>
      <c r="W17" s="47"/>
      <c r="X17" s="47"/>
      <c r="Y17" s="47"/>
      <c r="Z17" s="47"/>
      <c r="AA17" s="47"/>
      <c r="AB17" s="47"/>
      <c r="AC17" s="47"/>
      <c r="AD17" s="47"/>
      <c r="AE17" s="47"/>
      <c r="AF17" s="47"/>
      <c r="AG17" s="47"/>
      <c r="AH17" s="47"/>
      <c r="AI17" s="47"/>
      <c r="AJ17" s="47"/>
      <c r="AK17" s="47"/>
    </row>
    <row r="18" spans="2:37" s="2" customFormat="1" ht="15" customHeight="1" x14ac:dyDescent="0.15">
      <c r="B18" s="47"/>
      <c r="C18" s="47"/>
      <c r="D18" s="47"/>
      <c r="E18" s="47"/>
      <c r="F18" s="47"/>
      <c r="G18" s="47"/>
      <c r="H18" s="47"/>
      <c r="I18" s="47"/>
      <c r="J18" s="47"/>
      <c r="K18" s="47"/>
      <c r="L18" s="47"/>
      <c r="M18" s="47"/>
      <c r="N18" s="47"/>
      <c r="O18" s="47"/>
      <c r="P18" s="47"/>
      <c r="Q18" s="47"/>
      <c r="R18" s="47"/>
      <c r="S18" s="47"/>
      <c r="T18" s="47"/>
      <c r="U18" s="47"/>
      <c r="V18" s="47"/>
      <c r="W18" s="47"/>
      <c r="X18" s="47"/>
      <c r="Y18" s="47"/>
      <c r="Z18" s="47"/>
      <c r="AA18" s="47"/>
      <c r="AB18" s="47"/>
      <c r="AC18" s="47"/>
      <c r="AD18" s="47"/>
      <c r="AE18" s="47"/>
      <c r="AF18" s="47"/>
      <c r="AG18" s="47"/>
      <c r="AH18" s="47"/>
      <c r="AI18" s="47"/>
      <c r="AJ18" s="47"/>
      <c r="AK18" s="47"/>
    </row>
    <row r="19" spans="2:37" s="2" customFormat="1" ht="15" customHeight="1" x14ac:dyDescent="0.15">
      <c r="B19" s="48" t="s">
        <v>20</v>
      </c>
      <c r="C19" s="49"/>
      <c r="D19" s="49"/>
      <c r="E19" s="49"/>
      <c r="F19" s="49"/>
      <c r="G19" s="49"/>
      <c r="H19" s="49"/>
      <c r="I19" s="50"/>
      <c r="J19" s="92" t="s">
        <v>55</v>
      </c>
      <c r="K19" s="78"/>
      <c r="L19" s="78"/>
      <c r="M19" s="78"/>
      <c r="N19" s="78"/>
      <c r="O19" s="78"/>
      <c r="P19" s="78"/>
      <c r="Q19" s="78"/>
      <c r="R19" s="78"/>
      <c r="S19" s="78" t="s">
        <v>54</v>
      </c>
      <c r="T19" s="78"/>
      <c r="U19" s="25"/>
      <c r="V19" s="110"/>
      <c r="W19" s="78"/>
      <c r="X19" s="78"/>
      <c r="Y19" s="78"/>
      <c r="Z19" s="78"/>
      <c r="AA19" s="78" t="s">
        <v>56</v>
      </c>
      <c r="AB19" s="78"/>
      <c r="AC19" s="78"/>
      <c r="AD19" s="78"/>
      <c r="AE19" s="78"/>
      <c r="AF19" s="78" t="s">
        <v>57</v>
      </c>
      <c r="AG19" s="78"/>
      <c r="AH19" s="78"/>
      <c r="AI19" s="78"/>
      <c r="AJ19" s="78" t="s">
        <v>58</v>
      </c>
      <c r="AK19" s="93"/>
    </row>
    <row r="20" spans="2:37" s="2" customFormat="1" ht="15" customHeight="1" x14ac:dyDescent="0.15">
      <c r="B20" s="90"/>
      <c r="C20" s="88"/>
      <c r="D20" s="88"/>
      <c r="E20" s="88"/>
      <c r="F20" s="88"/>
      <c r="G20" s="88"/>
      <c r="H20" s="88"/>
      <c r="I20" s="91"/>
      <c r="J20" s="72"/>
      <c r="K20" s="109"/>
      <c r="L20" s="109"/>
      <c r="M20" s="109"/>
      <c r="N20" s="109"/>
      <c r="O20" s="109"/>
      <c r="P20" s="109"/>
      <c r="Q20" s="109"/>
      <c r="R20" s="109"/>
      <c r="S20" s="109"/>
      <c r="T20" s="109"/>
      <c r="U20" s="27"/>
      <c r="V20" s="111"/>
      <c r="W20" s="109"/>
      <c r="X20" s="109"/>
      <c r="Y20" s="109"/>
      <c r="Z20" s="109"/>
      <c r="AA20" s="109"/>
      <c r="AB20" s="109"/>
      <c r="AC20" s="109"/>
      <c r="AD20" s="109"/>
      <c r="AE20" s="109"/>
      <c r="AF20" s="109"/>
      <c r="AG20" s="109"/>
      <c r="AH20" s="109"/>
      <c r="AI20" s="109"/>
      <c r="AJ20" s="109"/>
      <c r="AK20" s="74"/>
    </row>
    <row r="21" spans="2:37" s="2" customFormat="1" ht="15" customHeight="1" x14ac:dyDescent="0.15">
      <c r="B21" s="90"/>
      <c r="C21" s="88"/>
      <c r="D21" s="88"/>
      <c r="E21" s="88"/>
      <c r="F21" s="88"/>
      <c r="G21" s="88"/>
      <c r="H21" s="88"/>
      <c r="I21" s="91"/>
      <c r="J21" s="75"/>
      <c r="K21" s="76"/>
      <c r="L21" s="76"/>
      <c r="M21" s="76"/>
      <c r="N21" s="76"/>
      <c r="O21" s="76"/>
      <c r="P21" s="76"/>
      <c r="Q21" s="76"/>
      <c r="R21" s="76"/>
      <c r="S21" s="76"/>
      <c r="T21" s="76"/>
      <c r="U21" s="26"/>
      <c r="V21" s="112"/>
      <c r="W21" s="76"/>
      <c r="X21" s="76"/>
      <c r="Y21" s="76"/>
      <c r="Z21" s="76"/>
      <c r="AA21" s="76"/>
      <c r="AB21" s="76"/>
      <c r="AC21" s="76"/>
      <c r="AD21" s="76"/>
      <c r="AE21" s="76"/>
      <c r="AF21" s="76"/>
      <c r="AG21" s="76"/>
      <c r="AH21" s="76"/>
      <c r="AI21" s="76"/>
      <c r="AJ21" s="76"/>
      <c r="AK21" s="77"/>
    </row>
    <row r="22" spans="2:37" s="2" customFormat="1" ht="15" customHeight="1" x14ac:dyDescent="0.15">
      <c r="B22" s="102" t="s">
        <v>9</v>
      </c>
      <c r="C22" s="102"/>
      <c r="D22" s="102"/>
      <c r="E22" s="102"/>
      <c r="F22" s="102"/>
      <c r="G22" s="102"/>
      <c r="H22" s="102"/>
      <c r="I22" s="102"/>
      <c r="J22" s="22" t="s">
        <v>10</v>
      </c>
      <c r="K22" s="54" t="s">
        <v>10</v>
      </c>
      <c r="L22" s="54"/>
      <c r="M22" s="54"/>
      <c r="N22" s="105"/>
      <c r="O22" s="105"/>
      <c r="P22" s="105"/>
      <c r="Q22" s="105"/>
      <c r="R22" s="105"/>
      <c r="S22" s="105"/>
      <c r="T22" s="105"/>
      <c r="U22" s="105"/>
      <c r="V22" s="105"/>
      <c r="W22" s="105"/>
      <c r="X22" s="105"/>
      <c r="Y22" s="105"/>
      <c r="Z22" s="105"/>
      <c r="AA22" s="105"/>
      <c r="AB22" s="105"/>
      <c r="AC22" s="105"/>
      <c r="AD22" s="105"/>
      <c r="AE22" s="105"/>
      <c r="AF22" s="105"/>
      <c r="AG22" s="105"/>
      <c r="AH22" s="105"/>
      <c r="AI22" s="105"/>
      <c r="AJ22" s="105"/>
      <c r="AK22" s="106"/>
    </row>
    <row r="23" spans="2:37" s="2" customFormat="1" ht="15" customHeight="1" x14ac:dyDescent="0.15">
      <c r="B23" s="103"/>
      <c r="C23" s="103"/>
      <c r="D23" s="103"/>
      <c r="E23" s="103"/>
      <c r="F23" s="103"/>
      <c r="G23" s="103"/>
      <c r="H23" s="103"/>
      <c r="I23" s="103"/>
      <c r="J23" s="23"/>
      <c r="K23" s="80"/>
      <c r="L23" s="80"/>
      <c r="M23" s="80"/>
      <c r="N23" s="107"/>
      <c r="O23" s="107"/>
      <c r="P23" s="107"/>
      <c r="Q23" s="107"/>
      <c r="R23" s="107"/>
      <c r="S23" s="107"/>
      <c r="T23" s="107"/>
      <c r="U23" s="107"/>
      <c r="V23" s="107"/>
      <c r="W23" s="107"/>
      <c r="X23" s="107"/>
      <c r="Y23" s="107"/>
      <c r="Z23" s="107"/>
      <c r="AA23" s="107"/>
      <c r="AB23" s="107"/>
      <c r="AC23" s="107"/>
      <c r="AD23" s="107"/>
      <c r="AE23" s="107"/>
      <c r="AF23" s="107"/>
      <c r="AG23" s="107"/>
      <c r="AH23" s="107"/>
      <c r="AI23" s="107"/>
      <c r="AJ23" s="107"/>
      <c r="AK23" s="108"/>
    </row>
    <row r="24" spans="2:37" s="2" customFormat="1" ht="15" customHeight="1" x14ac:dyDescent="0.15">
      <c r="B24" s="104"/>
      <c r="C24" s="104"/>
      <c r="D24" s="104"/>
      <c r="E24" s="104"/>
      <c r="F24" s="104"/>
      <c r="G24" s="104"/>
      <c r="H24" s="104"/>
      <c r="I24" s="104"/>
      <c r="J24" s="23"/>
      <c r="K24" s="80"/>
      <c r="L24" s="80"/>
      <c r="M24" s="80"/>
      <c r="N24" s="107"/>
      <c r="O24" s="107"/>
      <c r="P24" s="107"/>
      <c r="Q24" s="107"/>
      <c r="R24" s="107"/>
      <c r="S24" s="107"/>
      <c r="T24" s="107"/>
      <c r="U24" s="107"/>
      <c r="V24" s="107"/>
      <c r="W24" s="107"/>
      <c r="X24" s="107"/>
      <c r="Y24" s="107"/>
      <c r="Z24" s="107"/>
      <c r="AA24" s="107"/>
      <c r="AB24" s="107"/>
      <c r="AC24" s="107"/>
      <c r="AD24" s="107"/>
      <c r="AE24" s="107"/>
      <c r="AF24" s="107"/>
      <c r="AG24" s="107"/>
      <c r="AH24" s="107"/>
      <c r="AI24" s="107"/>
      <c r="AJ24" s="107"/>
      <c r="AK24" s="108"/>
    </row>
    <row r="25" spans="2:37" s="2" customFormat="1" ht="15" customHeight="1" x14ac:dyDescent="0.15">
      <c r="B25" s="48" t="s">
        <v>11</v>
      </c>
      <c r="C25" s="49"/>
      <c r="D25" s="49"/>
      <c r="E25" s="49"/>
      <c r="F25" s="49"/>
      <c r="G25" s="49"/>
      <c r="H25" s="49"/>
      <c r="I25" s="50"/>
      <c r="J25" s="92" t="s">
        <v>59</v>
      </c>
      <c r="K25" s="78"/>
      <c r="L25" s="78"/>
      <c r="M25" s="78"/>
      <c r="N25" s="78"/>
      <c r="O25" s="78"/>
      <c r="P25" s="78"/>
      <c r="Q25" s="78"/>
      <c r="R25" s="78"/>
      <c r="S25" s="78"/>
      <c r="T25" s="78"/>
      <c r="U25" s="78"/>
      <c r="V25" s="78"/>
      <c r="W25" s="78"/>
      <c r="X25" s="78"/>
      <c r="Y25" s="78"/>
      <c r="Z25" s="78"/>
      <c r="AA25" s="78"/>
      <c r="AB25" s="78"/>
      <c r="AC25" s="78"/>
      <c r="AD25" s="78"/>
      <c r="AE25" s="78"/>
      <c r="AF25" s="78"/>
      <c r="AG25" s="78"/>
      <c r="AH25" s="78"/>
      <c r="AI25" s="78"/>
      <c r="AJ25" s="78"/>
      <c r="AK25" s="93"/>
    </row>
    <row r="26" spans="2:37" s="2" customFormat="1" ht="15" customHeight="1" x14ac:dyDescent="0.15">
      <c r="B26" s="90"/>
      <c r="C26" s="88"/>
      <c r="D26" s="88"/>
      <c r="E26" s="88"/>
      <c r="F26" s="88"/>
      <c r="G26" s="88"/>
      <c r="H26" s="88"/>
      <c r="I26" s="91"/>
      <c r="J26" s="72"/>
      <c r="K26" s="73"/>
      <c r="L26" s="73"/>
      <c r="M26" s="73"/>
      <c r="N26" s="73"/>
      <c r="O26" s="73"/>
      <c r="P26" s="73"/>
      <c r="Q26" s="73"/>
      <c r="R26" s="73"/>
      <c r="S26" s="73"/>
      <c r="T26" s="73"/>
      <c r="U26" s="73"/>
      <c r="V26" s="73"/>
      <c r="W26" s="73"/>
      <c r="X26" s="73"/>
      <c r="Y26" s="73"/>
      <c r="Z26" s="73"/>
      <c r="AA26" s="73"/>
      <c r="AB26" s="73"/>
      <c r="AC26" s="73"/>
      <c r="AD26" s="73"/>
      <c r="AE26" s="73"/>
      <c r="AF26" s="73"/>
      <c r="AG26" s="73"/>
      <c r="AH26" s="73"/>
      <c r="AI26" s="73"/>
      <c r="AJ26" s="73"/>
      <c r="AK26" s="74"/>
    </row>
    <row r="27" spans="2:37" s="2" customFormat="1" ht="15" customHeight="1" x14ac:dyDescent="0.15">
      <c r="B27" s="51"/>
      <c r="C27" s="52"/>
      <c r="D27" s="52"/>
      <c r="E27" s="52"/>
      <c r="F27" s="52"/>
      <c r="G27" s="52"/>
      <c r="H27" s="52"/>
      <c r="I27" s="53"/>
      <c r="J27" s="75"/>
      <c r="K27" s="76"/>
      <c r="L27" s="76"/>
      <c r="M27" s="76"/>
      <c r="N27" s="76"/>
      <c r="O27" s="76"/>
      <c r="P27" s="76"/>
      <c r="Q27" s="76"/>
      <c r="R27" s="76"/>
      <c r="S27" s="76"/>
      <c r="T27" s="76"/>
      <c r="U27" s="76"/>
      <c r="V27" s="76"/>
      <c r="W27" s="76"/>
      <c r="X27" s="76"/>
      <c r="Y27" s="76"/>
      <c r="Z27" s="76"/>
      <c r="AA27" s="76"/>
      <c r="AB27" s="76"/>
      <c r="AC27" s="76"/>
      <c r="AD27" s="76"/>
      <c r="AE27" s="76"/>
      <c r="AF27" s="76"/>
      <c r="AG27" s="76"/>
      <c r="AH27" s="76"/>
      <c r="AI27" s="76"/>
      <c r="AJ27" s="76"/>
      <c r="AK27" s="77"/>
    </row>
    <row r="28" spans="2:37" s="2" customFormat="1" ht="12" customHeight="1" x14ac:dyDescent="0.15">
      <c r="B28" s="90" t="s">
        <v>16</v>
      </c>
      <c r="C28" s="88"/>
      <c r="D28" s="88"/>
      <c r="E28" s="88"/>
      <c r="F28" s="88"/>
      <c r="G28" s="88"/>
      <c r="H28" s="88"/>
      <c r="I28" s="91"/>
      <c r="J28" s="72" t="s">
        <v>48</v>
      </c>
      <c r="K28" s="73"/>
      <c r="L28" s="73"/>
      <c r="M28" s="42"/>
      <c r="N28" s="42"/>
      <c r="O28" s="42"/>
      <c r="P28" s="42"/>
      <c r="Q28" s="42"/>
      <c r="R28" s="42"/>
      <c r="S28" s="42"/>
      <c r="T28" s="42"/>
      <c r="U28" s="42"/>
      <c r="V28" s="42"/>
      <c r="W28" s="42"/>
      <c r="X28" s="42"/>
      <c r="Y28" s="42"/>
      <c r="Z28" s="42"/>
      <c r="AA28" s="42"/>
      <c r="AB28" s="42"/>
      <c r="AC28" s="42"/>
      <c r="AD28" s="42"/>
      <c r="AE28" s="42"/>
      <c r="AF28" s="42"/>
      <c r="AG28" s="42"/>
      <c r="AH28" s="42"/>
      <c r="AI28" s="42"/>
      <c r="AJ28" s="42"/>
      <c r="AK28" s="94"/>
    </row>
    <row r="29" spans="2:37" s="2" customFormat="1" ht="12" customHeight="1" x14ac:dyDescent="0.15">
      <c r="B29" s="90"/>
      <c r="C29" s="88"/>
      <c r="D29" s="88"/>
      <c r="E29" s="88"/>
      <c r="F29" s="88"/>
      <c r="G29" s="88"/>
      <c r="H29" s="88"/>
      <c r="I29" s="91"/>
      <c r="J29" s="72"/>
      <c r="K29" s="73"/>
      <c r="L29" s="73"/>
      <c r="M29" s="42"/>
      <c r="N29" s="42"/>
      <c r="O29" s="42"/>
      <c r="P29" s="42"/>
      <c r="Q29" s="42"/>
      <c r="R29" s="42"/>
      <c r="S29" s="42"/>
      <c r="T29" s="42"/>
      <c r="U29" s="42"/>
      <c r="V29" s="42"/>
      <c r="W29" s="42"/>
      <c r="X29" s="42"/>
      <c r="Y29" s="42"/>
      <c r="Z29" s="42"/>
      <c r="AA29" s="42"/>
      <c r="AB29" s="42"/>
      <c r="AC29" s="42"/>
      <c r="AD29" s="42"/>
      <c r="AE29" s="42"/>
      <c r="AF29" s="42"/>
      <c r="AG29" s="42"/>
      <c r="AH29" s="42"/>
      <c r="AI29" s="42"/>
      <c r="AJ29" s="42"/>
      <c r="AK29" s="94"/>
    </row>
    <row r="30" spans="2:37" s="2" customFormat="1" ht="12" customHeight="1" x14ac:dyDescent="0.15">
      <c r="B30" s="90"/>
      <c r="C30" s="88"/>
      <c r="D30" s="88"/>
      <c r="E30" s="88"/>
      <c r="F30" s="88"/>
      <c r="G30" s="88"/>
      <c r="H30" s="88"/>
      <c r="I30" s="91"/>
      <c r="J30" s="72"/>
      <c r="K30" s="73"/>
      <c r="L30" s="73"/>
      <c r="M30" s="42"/>
      <c r="N30" s="42"/>
      <c r="O30" s="42"/>
      <c r="P30" s="42"/>
      <c r="Q30" s="42"/>
      <c r="R30" s="42"/>
      <c r="S30" s="42"/>
      <c r="T30" s="42"/>
      <c r="U30" s="42"/>
      <c r="V30" s="42"/>
      <c r="W30" s="42"/>
      <c r="X30" s="42"/>
      <c r="Y30" s="42"/>
      <c r="Z30" s="42"/>
      <c r="AA30" s="42"/>
      <c r="AB30" s="42"/>
      <c r="AC30" s="42"/>
      <c r="AD30" s="42"/>
      <c r="AE30" s="42"/>
      <c r="AF30" s="42"/>
      <c r="AG30" s="42"/>
      <c r="AH30" s="42"/>
      <c r="AI30" s="42"/>
      <c r="AJ30" s="42"/>
      <c r="AK30" s="94"/>
    </row>
    <row r="31" spans="2:37" s="2" customFormat="1" ht="12" customHeight="1" x14ac:dyDescent="0.15">
      <c r="B31" s="90"/>
      <c r="C31" s="88"/>
      <c r="D31" s="88"/>
      <c r="E31" s="88"/>
      <c r="F31" s="88"/>
      <c r="G31" s="88"/>
      <c r="H31" s="88"/>
      <c r="I31" s="91"/>
      <c r="J31" s="72"/>
      <c r="K31" s="73"/>
      <c r="L31" s="73"/>
      <c r="M31" s="42"/>
      <c r="N31" s="42"/>
      <c r="O31" s="42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  <c r="AG31" s="42"/>
      <c r="AH31" s="42"/>
      <c r="AI31" s="42"/>
      <c r="AJ31" s="42"/>
      <c r="AK31" s="94"/>
    </row>
    <row r="32" spans="2:37" s="2" customFormat="1" ht="12" customHeight="1" x14ac:dyDescent="0.15">
      <c r="B32" s="90"/>
      <c r="C32" s="88"/>
      <c r="D32" s="88"/>
      <c r="E32" s="88"/>
      <c r="F32" s="88"/>
      <c r="G32" s="88"/>
      <c r="H32" s="88"/>
      <c r="I32" s="91"/>
      <c r="J32" s="72" t="s">
        <v>49</v>
      </c>
      <c r="K32" s="73"/>
      <c r="L32" s="73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Z32" s="42"/>
      <c r="AA32" s="42"/>
      <c r="AB32" s="42"/>
      <c r="AC32" s="42"/>
      <c r="AD32" s="42"/>
      <c r="AE32" s="42"/>
      <c r="AF32" s="42"/>
      <c r="AG32" s="42"/>
      <c r="AH32" s="42"/>
      <c r="AI32" s="95"/>
      <c r="AJ32" s="95"/>
      <c r="AK32" s="96"/>
    </row>
    <row r="33" spans="2:37" s="2" customFormat="1" ht="12" customHeight="1" x14ac:dyDescent="0.15">
      <c r="B33" s="90"/>
      <c r="C33" s="88"/>
      <c r="D33" s="88"/>
      <c r="E33" s="88"/>
      <c r="F33" s="88"/>
      <c r="G33" s="88"/>
      <c r="H33" s="88"/>
      <c r="I33" s="91"/>
      <c r="J33" s="72"/>
      <c r="K33" s="73"/>
      <c r="L33" s="73"/>
      <c r="M33" s="42"/>
      <c r="N33" s="42"/>
      <c r="O33" s="42"/>
      <c r="P33" s="42"/>
      <c r="Q33" s="42"/>
      <c r="R33" s="42"/>
      <c r="S33" s="42"/>
      <c r="T33" s="42"/>
      <c r="U33" s="42"/>
      <c r="V33" s="42"/>
      <c r="W33" s="42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95"/>
      <c r="AJ33" s="95"/>
      <c r="AK33" s="96"/>
    </row>
    <row r="34" spans="2:37" s="2" customFormat="1" ht="12" customHeight="1" x14ac:dyDescent="0.15">
      <c r="B34" s="90"/>
      <c r="C34" s="88"/>
      <c r="D34" s="88"/>
      <c r="E34" s="88"/>
      <c r="F34" s="88"/>
      <c r="G34" s="88"/>
      <c r="H34" s="88"/>
      <c r="I34" s="91"/>
      <c r="J34" s="72"/>
      <c r="K34" s="73"/>
      <c r="L34" s="73"/>
      <c r="M34" s="42"/>
      <c r="N34" s="42"/>
      <c r="O34" s="42"/>
      <c r="P34" s="42"/>
      <c r="Q34" s="42"/>
      <c r="R34" s="42"/>
      <c r="S34" s="42"/>
      <c r="T34" s="42"/>
      <c r="U34" s="42"/>
      <c r="V34" s="42"/>
      <c r="W34" s="42"/>
      <c r="X34" s="42"/>
      <c r="Y34" s="42"/>
      <c r="Z34" s="42"/>
      <c r="AA34" s="42"/>
      <c r="AB34" s="42"/>
      <c r="AC34" s="42"/>
      <c r="AD34" s="42"/>
      <c r="AE34" s="42"/>
      <c r="AF34" s="42"/>
      <c r="AG34" s="42"/>
      <c r="AH34" s="42"/>
      <c r="AI34" s="95"/>
      <c r="AJ34" s="95"/>
      <c r="AK34" s="96"/>
    </row>
    <row r="35" spans="2:37" s="2" customFormat="1" ht="12" customHeight="1" x14ac:dyDescent="0.15">
      <c r="B35" s="90"/>
      <c r="C35" s="88"/>
      <c r="D35" s="88"/>
      <c r="E35" s="88"/>
      <c r="F35" s="88"/>
      <c r="G35" s="88"/>
      <c r="H35" s="88"/>
      <c r="I35" s="91"/>
      <c r="J35" s="75"/>
      <c r="K35" s="76"/>
      <c r="L35" s="76"/>
      <c r="M35" s="95"/>
      <c r="N35" s="95"/>
      <c r="O35" s="95"/>
      <c r="P35" s="95"/>
      <c r="Q35" s="95"/>
      <c r="R35" s="95"/>
      <c r="S35" s="95"/>
      <c r="T35" s="95"/>
      <c r="U35" s="95"/>
      <c r="V35" s="95"/>
      <c r="W35" s="95"/>
      <c r="X35" s="95"/>
      <c r="Y35" s="95"/>
      <c r="Z35" s="95"/>
      <c r="AA35" s="95"/>
      <c r="AB35" s="95"/>
      <c r="AC35" s="95"/>
      <c r="AD35" s="95"/>
      <c r="AE35" s="95"/>
      <c r="AF35" s="95"/>
      <c r="AG35" s="95"/>
      <c r="AH35" s="95"/>
      <c r="AI35" s="97"/>
      <c r="AJ35" s="97"/>
      <c r="AK35" s="98"/>
    </row>
    <row r="36" spans="2:37" s="2" customFormat="1" ht="12" customHeight="1" x14ac:dyDescent="0.15">
      <c r="B36" s="48" t="s">
        <v>17</v>
      </c>
      <c r="C36" s="49"/>
      <c r="D36" s="49"/>
      <c r="E36" s="49"/>
      <c r="F36" s="49"/>
      <c r="G36" s="49"/>
      <c r="H36" s="49"/>
      <c r="I36" s="50"/>
      <c r="J36" s="92" t="s">
        <v>50</v>
      </c>
      <c r="K36" s="78"/>
      <c r="L36" s="78"/>
      <c r="M36" s="41"/>
      <c r="N36" s="41"/>
      <c r="O36" s="41"/>
      <c r="P36" s="41"/>
      <c r="Q36" s="41"/>
      <c r="R36" s="41"/>
      <c r="S36" s="41"/>
      <c r="T36" s="41"/>
      <c r="U36" s="41"/>
      <c r="V36" s="41"/>
      <c r="W36" s="41"/>
      <c r="X36" s="41"/>
      <c r="Y36" s="41"/>
      <c r="Z36" s="41"/>
      <c r="AA36" s="41"/>
      <c r="AB36" s="41"/>
      <c r="AC36" s="41"/>
      <c r="AD36" s="41"/>
      <c r="AE36" s="41"/>
      <c r="AF36" s="41"/>
      <c r="AG36" s="41"/>
      <c r="AH36" s="41"/>
      <c r="AI36" s="97"/>
      <c r="AJ36" s="97"/>
      <c r="AK36" s="98"/>
    </row>
    <row r="37" spans="2:37" s="2" customFormat="1" ht="12" customHeight="1" x14ac:dyDescent="0.15">
      <c r="B37" s="90"/>
      <c r="C37" s="88"/>
      <c r="D37" s="88"/>
      <c r="E37" s="88"/>
      <c r="F37" s="88"/>
      <c r="G37" s="88"/>
      <c r="H37" s="88"/>
      <c r="I37" s="91"/>
      <c r="J37" s="72"/>
      <c r="K37" s="73"/>
      <c r="L37" s="73"/>
      <c r="M37" s="42"/>
      <c r="N37" s="42"/>
      <c r="O37" s="42"/>
      <c r="P37" s="42"/>
      <c r="Q37" s="42"/>
      <c r="R37" s="42"/>
      <c r="S37" s="42"/>
      <c r="T37" s="42"/>
      <c r="U37" s="42"/>
      <c r="V37" s="42"/>
      <c r="W37" s="42"/>
      <c r="X37" s="42"/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1"/>
      <c r="AJ37" s="41"/>
      <c r="AK37" s="100"/>
    </row>
    <row r="38" spans="2:37" s="2" customFormat="1" ht="12" customHeight="1" x14ac:dyDescent="0.15">
      <c r="B38" s="90"/>
      <c r="C38" s="88"/>
      <c r="D38" s="88"/>
      <c r="E38" s="88"/>
      <c r="F38" s="88"/>
      <c r="G38" s="88"/>
      <c r="H38" s="88"/>
      <c r="I38" s="91"/>
      <c r="J38" s="72"/>
      <c r="K38" s="73"/>
      <c r="L38" s="73"/>
      <c r="M38" s="42"/>
      <c r="N38" s="42"/>
      <c r="O38" s="42"/>
      <c r="P38" s="42"/>
      <c r="Q38" s="42"/>
      <c r="R38" s="42"/>
      <c r="S38" s="42"/>
      <c r="T38" s="42"/>
      <c r="U38" s="42"/>
      <c r="V38" s="42"/>
      <c r="W38" s="42"/>
      <c r="X38" s="42"/>
      <c r="Y38" s="42"/>
      <c r="Z38" s="42"/>
      <c r="AA38" s="42"/>
      <c r="AB38" s="42"/>
      <c r="AC38" s="42"/>
      <c r="AD38" s="42"/>
      <c r="AE38" s="42"/>
      <c r="AF38" s="42"/>
      <c r="AG38" s="42"/>
      <c r="AH38" s="42"/>
      <c r="AI38" s="41"/>
      <c r="AJ38" s="41"/>
      <c r="AK38" s="100"/>
    </row>
    <row r="39" spans="2:37" s="2" customFormat="1" ht="12" customHeight="1" x14ac:dyDescent="0.15">
      <c r="B39" s="90"/>
      <c r="C39" s="88"/>
      <c r="D39" s="88"/>
      <c r="E39" s="88"/>
      <c r="F39" s="88"/>
      <c r="G39" s="88"/>
      <c r="H39" s="88"/>
      <c r="I39" s="91"/>
      <c r="J39" s="72"/>
      <c r="K39" s="73"/>
      <c r="L39" s="73"/>
      <c r="M39" s="42"/>
      <c r="N39" s="42"/>
      <c r="O39" s="42"/>
      <c r="P39" s="42"/>
      <c r="Q39" s="42"/>
      <c r="R39" s="42"/>
      <c r="S39" s="42"/>
      <c r="T39" s="42"/>
      <c r="U39" s="42"/>
      <c r="V39" s="42"/>
      <c r="W39" s="42"/>
      <c r="X39" s="42"/>
      <c r="Y39" s="42"/>
      <c r="Z39" s="42"/>
      <c r="AA39" s="42"/>
      <c r="AB39" s="42"/>
      <c r="AC39" s="42"/>
      <c r="AD39" s="42"/>
      <c r="AE39" s="42"/>
      <c r="AF39" s="42"/>
      <c r="AG39" s="42"/>
      <c r="AH39" s="42"/>
      <c r="AI39" s="41"/>
      <c r="AJ39" s="41"/>
      <c r="AK39" s="100"/>
    </row>
    <row r="40" spans="2:37" s="2" customFormat="1" ht="15" customHeight="1" x14ac:dyDescent="0.15">
      <c r="B40" s="51"/>
      <c r="C40" s="52"/>
      <c r="D40" s="52"/>
      <c r="E40" s="52"/>
      <c r="F40" s="52"/>
      <c r="G40" s="52"/>
      <c r="H40" s="52"/>
      <c r="I40" s="53"/>
      <c r="J40" s="75"/>
      <c r="K40" s="76"/>
      <c r="L40" s="76"/>
      <c r="M40" s="101" t="s">
        <v>18</v>
      </c>
      <c r="N40" s="101"/>
      <c r="O40" s="101"/>
      <c r="P40" s="101"/>
      <c r="Q40" s="101"/>
      <c r="R40" s="101"/>
      <c r="S40" s="101"/>
      <c r="T40" s="101"/>
      <c r="U40" s="95"/>
      <c r="V40" s="95"/>
      <c r="W40" s="95"/>
      <c r="X40" s="95"/>
      <c r="Y40" s="95"/>
      <c r="Z40" s="4" t="s">
        <v>15</v>
      </c>
      <c r="AA40" s="95"/>
      <c r="AB40" s="95"/>
      <c r="AC40" s="95"/>
      <c r="AD40" s="95"/>
      <c r="AE40" s="95"/>
      <c r="AF40" s="95"/>
      <c r="AG40" s="95"/>
      <c r="AH40" s="95"/>
      <c r="AI40" s="95"/>
      <c r="AJ40" s="95"/>
      <c r="AK40" s="96"/>
    </row>
    <row r="41" spans="2:37" s="2" customFormat="1" ht="15" customHeight="1" x14ac:dyDescent="0.15">
      <c r="B41" s="92" t="s">
        <v>45</v>
      </c>
      <c r="C41" s="78"/>
      <c r="D41" s="78"/>
      <c r="E41" s="78"/>
      <c r="F41" s="78"/>
      <c r="G41" s="78"/>
      <c r="H41" s="78"/>
      <c r="I41" s="93"/>
      <c r="J41" s="65"/>
      <c r="K41" s="46"/>
      <c r="L41" s="46"/>
      <c r="M41" s="46"/>
      <c r="N41" s="46"/>
      <c r="O41" s="46"/>
      <c r="P41" s="46"/>
      <c r="Q41" s="46"/>
      <c r="R41" s="46"/>
      <c r="S41" s="46"/>
      <c r="T41" s="46"/>
      <c r="U41" s="46"/>
      <c r="V41" s="46"/>
      <c r="W41" s="46"/>
      <c r="X41" s="46"/>
      <c r="Y41" s="46"/>
      <c r="Z41" s="46"/>
      <c r="AA41" s="46"/>
      <c r="AB41" s="46"/>
      <c r="AC41" s="46"/>
      <c r="AD41" s="46"/>
      <c r="AE41" s="46"/>
      <c r="AF41" s="46"/>
      <c r="AG41" s="46"/>
      <c r="AH41" s="46"/>
      <c r="AI41" s="46"/>
      <c r="AJ41" s="46"/>
      <c r="AK41" s="66"/>
    </row>
    <row r="42" spans="2:37" s="2" customFormat="1" ht="15" customHeight="1" x14ac:dyDescent="0.15">
      <c r="B42" s="72"/>
      <c r="C42" s="73"/>
      <c r="D42" s="73"/>
      <c r="E42" s="73"/>
      <c r="F42" s="73"/>
      <c r="G42" s="73"/>
      <c r="H42" s="73"/>
      <c r="I42" s="74"/>
      <c r="J42" s="67"/>
      <c r="K42" s="47"/>
      <c r="L42" s="47"/>
      <c r="M42" s="47"/>
      <c r="N42" s="47"/>
      <c r="O42" s="47"/>
      <c r="P42" s="47"/>
      <c r="Q42" s="47"/>
      <c r="R42" s="47"/>
      <c r="S42" s="47"/>
      <c r="T42" s="47"/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68"/>
    </row>
    <row r="43" spans="2:37" s="2" customFormat="1" ht="15" customHeight="1" x14ac:dyDescent="0.15">
      <c r="B43" s="72"/>
      <c r="C43" s="73"/>
      <c r="D43" s="73"/>
      <c r="E43" s="73"/>
      <c r="F43" s="73"/>
      <c r="G43" s="73"/>
      <c r="H43" s="73"/>
      <c r="I43" s="74"/>
      <c r="J43" s="67"/>
      <c r="K43" s="47"/>
      <c r="L43" s="47"/>
      <c r="M43" s="47"/>
      <c r="N43" s="47"/>
      <c r="O43" s="47"/>
      <c r="P43" s="47"/>
      <c r="Q43" s="47"/>
      <c r="R43" s="47"/>
      <c r="S43" s="47"/>
      <c r="T43" s="47"/>
      <c r="U43" s="47"/>
      <c r="V43" s="47"/>
      <c r="W43" s="47"/>
      <c r="X43" s="47"/>
      <c r="Y43" s="47"/>
      <c r="Z43" s="47"/>
      <c r="AA43" s="47"/>
      <c r="AB43" s="47"/>
      <c r="AC43" s="47"/>
      <c r="AD43" s="47"/>
      <c r="AE43" s="47"/>
      <c r="AF43" s="47"/>
      <c r="AG43" s="47"/>
      <c r="AH43" s="47"/>
      <c r="AI43" s="47"/>
      <c r="AJ43" s="47"/>
      <c r="AK43" s="68"/>
    </row>
    <row r="44" spans="2:37" s="2" customFormat="1" ht="15" customHeight="1" x14ac:dyDescent="0.15">
      <c r="B44" s="72"/>
      <c r="C44" s="73"/>
      <c r="D44" s="73"/>
      <c r="E44" s="73"/>
      <c r="F44" s="73"/>
      <c r="G44" s="73"/>
      <c r="H44" s="73"/>
      <c r="I44" s="74"/>
      <c r="J44" s="67"/>
      <c r="K44" s="47"/>
      <c r="L44" s="47"/>
      <c r="M44" s="47"/>
      <c r="N44" s="47"/>
      <c r="O44" s="47"/>
      <c r="P44" s="47"/>
      <c r="Q44" s="47"/>
      <c r="R44" s="47"/>
      <c r="S44" s="47"/>
      <c r="T44" s="47"/>
      <c r="U44" s="47"/>
      <c r="V44" s="47"/>
      <c r="W44" s="47"/>
      <c r="X44" s="47"/>
      <c r="Y44" s="47"/>
      <c r="Z44" s="47"/>
      <c r="AA44" s="47"/>
      <c r="AB44" s="47"/>
      <c r="AC44" s="47"/>
      <c r="AD44" s="47"/>
      <c r="AE44" s="47"/>
      <c r="AF44" s="47"/>
      <c r="AG44" s="47"/>
      <c r="AH44" s="47"/>
      <c r="AI44" s="47"/>
      <c r="AJ44" s="47"/>
      <c r="AK44" s="68"/>
    </row>
    <row r="45" spans="2:37" s="2" customFormat="1" ht="15" customHeight="1" x14ac:dyDescent="0.15">
      <c r="B45" s="72"/>
      <c r="C45" s="73"/>
      <c r="D45" s="73"/>
      <c r="E45" s="73"/>
      <c r="F45" s="73"/>
      <c r="G45" s="73"/>
      <c r="H45" s="73"/>
      <c r="I45" s="74"/>
      <c r="J45" s="67"/>
      <c r="K45" s="47"/>
      <c r="L45" s="47"/>
      <c r="M45" s="47"/>
      <c r="N45" s="47"/>
      <c r="O45" s="47"/>
      <c r="P45" s="47"/>
      <c r="Q45" s="47"/>
      <c r="R45" s="47"/>
      <c r="S45" s="47"/>
      <c r="T45" s="47"/>
      <c r="U45" s="47"/>
      <c r="V45" s="47"/>
      <c r="W45" s="47"/>
      <c r="X45" s="47"/>
      <c r="Y45" s="47"/>
      <c r="Z45" s="47"/>
      <c r="AA45" s="47"/>
      <c r="AB45" s="47"/>
      <c r="AC45" s="47"/>
      <c r="AD45" s="47"/>
      <c r="AE45" s="47"/>
      <c r="AF45" s="47"/>
      <c r="AG45" s="47"/>
      <c r="AH45" s="47"/>
      <c r="AI45" s="47"/>
      <c r="AJ45" s="47"/>
      <c r="AK45" s="68"/>
    </row>
    <row r="46" spans="2:37" s="2" customFormat="1" ht="15" customHeight="1" x14ac:dyDescent="0.15">
      <c r="B46" s="72"/>
      <c r="C46" s="73"/>
      <c r="D46" s="73"/>
      <c r="E46" s="73"/>
      <c r="F46" s="73"/>
      <c r="G46" s="73"/>
      <c r="H46" s="73"/>
      <c r="I46" s="74"/>
      <c r="J46" s="67"/>
      <c r="K46" s="47"/>
      <c r="L46" s="47"/>
      <c r="M46" s="47"/>
      <c r="N46" s="47"/>
      <c r="O46" s="47"/>
      <c r="P46" s="47"/>
      <c r="Q46" s="47"/>
      <c r="R46" s="47"/>
      <c r="S46" s="47"/>
      <c r="T46" s="47"/>
      <c r="U46" s="47"/>
      <c r="V46" s="47"/>
      <c r="W46" s="47"/>
      <c r="X46" s="47"/>
      <c r="Y46" s="47"/>
      <c r="Z46" s="47"/>
      <c r="AA46" s="47"/>
      <c r="AB46" s="47"/>
      <c r="AC46" s="47"/>
      <c r="AD46" s="47"/>
      <c r="AE46" s="47"/>
      <c r="AF46" s="47"/>
      <c r="AG46" s="47"/>
      <c r="AH46" s="47"/>
      <c r="AI46" s="47"/>
      <c r="AJ46" s="47"/>
      <c r="AK46" s="68"/>
    </row>
    <row r="47" spans="2:37" s="2" customFormat="1" ht="15" customHeight="1" x14ac:dyDescent="0.15">
      <c r="B47" s="72"/>
      <c r="C47" s="73"/>
      <c r="D47" s="73"/>
      <c r="E47" s="73"/>
      <c r="F47" s="73"/>
      <c r="G47" s="73"/>
      <c r="H47" s="73"/>
      <c r="I47" s="74"/>
      <c r="J47" s="67"/>
      <c r="K47" s="47"/>
      <c r="L47" s="47"/>
      <c r="M47" s="47"/>
      <c r="N47" s="47"/>
      <c r="O47" s="47"/>
      <c r="P47" s="47"/>
      <c r="Q47" s="47"/>
      <c r="R47" s="47"/>
      <c r="S47" s="47"/>
      <c r="T47" s="47"/>
      <c r="U47" s="47"/>
      <c r="V47" s="47"/>
      <c r="W47" s="47"/>
      <c r="X47" s="47"/>
      <c r="Y47" s="47"/>
      <c r="Z47" s="47"/>
      <c r="AA47" s="47"/>
      <c r="AB47" s="47"/>
      <c r="AC47" s="47"/>
      <c r="AD47" s="47"/>
      <c r="AE47" s="47"/>
      <c r="AF47" s="47"/>
      <c r="AG47" s="47"/>
      <c r="AH47" s="47"/>
      <c r="AI47" s="47"/>
      <c r="AJ47" s="47"/>
      <c r="AK47" s="68"/>
    </row>
    <row r="48" spans="2:37" s="2" customFormat="1" ht="15" customHeight="1" x14ac:dyDescent="0.15">
      <c r="B48" s="72"/>
      <c r="C48" s="73"/>
      <c r="D48" s="73"/>
      <c r="E48" s="73"/>
      <c r="F48" s="73"/>
      <c r="G48" s="73"/>
      <c r="H48" s="73"/>
      <c r="I48" s="74"/>
      <c r="J48" s="67"/>
      <c r="K48" s="47"/>
      <c r="L48" s="47"/>
      <c r="M48" s="47"/>
      <c r="N48" s="47"/>
      <c r="O48" s="47"/>
      <c r="P48" s="47"/>
      <c r="Q48" s="47"/>
      <c r="R48" s="47"/>
      <c r="S48" s="47"/>
      <c r="T48" s="47"/>
      <c r="U48" s="47"/>
      <c r="V48" s="47"/>
      <c r="W48" s="47"/>
      <c r="X48" s="47"/>
      <c r="Y48" s="47"/>
      <c r="Z48" s="47"/>
      <c r="AA48" s="47"/>
      <c r="AB48" s="47"/>
      <c r="AC48" s="47"/>
      <c r="AD48" s="47"/>
      <c r="AE48" s="47"/>
      <c r="AF48" s="47"/>
      <c r="AG48" s="47"/>
      <c r="AH48" s="47"/>
      <c r="AI48" s="47"/>
      <c r="AJ48" s="47"/>
      <c r="AK48" s="68"/>
    </row>
    <row r="49" spans="1:38" s="2" customFormat="1" ht="15" customHeight="1" x14ac:dyDescent="0.15">
      <c r="B49" s="72"/>
      <c r="C49" s="73"/>
      <c r="D49" s="73"/>
      <c r="E49" s="73"/>
      <c r="F49" s="73"/>
      <c r="G49" s="73"/>
      <c r="H49" s="73"/>
      <c r="I49" s="74"/>
      <c r="J49" s="67"/>
      <c r="K49" s="47"/>
      <c r="L49" s="47"/>
      <c r="M49" s="47"/>
      <c r="N49" s="47"/>
      <c r="O49" s="47"/>
      <c r="P49" s="47"/>
      <c r="Q49" s="47"/>
      <c r="R49" s="47"/>
      <c r="S49" s="47"/>
      <c r="T49" s="47"/>
      <c r="U49" s="47"/>
      <c r="V49" s="47"/>
      <c r="W49" s="47"/>
      <c r="X49" s="47"/>
      <c r="Y49" s="47"/>
      <c r="Z49" s="47"/>
      <c r="AA49" s="47"/>
      <c r="AB49" s="47"/>
      <c r="AC49" s="47"/>
      <c r="AD49" s="47"/>
      <c r="AE49" s="47"/>
      <c r="AF49" s="47"/>
      <c r="AG49" s="47"/>
      <c r="AH49" s="47"/>
      <c r="AI49" s="47"/>
      <c r="AJ49" s="47"/>
      <c r="AK49" s="68"/>
    </row>
    <row r="50" spans="1:38" s="2" customFormat="1" ht="15" customHeight="1" x14ac:dyDescent="0.15">
      <c r="B50" s="75"/>
      <c r="C50" s="76"/>
      <c r="D50" s="76"/>
      <c r="E50" s="76"/>
      <c r="F50" s="76"/>
      <c r="G50" s="76"/>
      <c r="H50" s="76"/>
      <c r="I50" s="77"/>
      <c r="J50" s="69"/>
      <c r="K50" s="70"/>
      <c r="L50" s="70"/>
      <c r="M50" s="70"/>
      <c r="N50" s="70"/>
      <c r="O50" s="70"/>
      <c r="P50" s="70"/>
      <c r="Q50" s="70"/>
      <c r="R50" s="70"/>
      <c r="S50" s="70"/>
      <c r="T50" s="70"/>
      <c r="U50" s="70"/>
      <c r="V50" s="70"/>
      <c r="W50" s="70"/>
      <c r="X50" s="70"/>
      <c r="Y50" s="70"/>
      <c r="Z50" s="70"/>
      <c r="AA50" s="70"/>
      <c r="AB50" s="70"/>
      <c r="AC50" s="70"/>
      <c r="AD50" s="70"/>
      <c r="AE50" s="70"/>
      <c r="AF50" s="70"/>
      <c r="AG50" s="70"/>
      <c r="AH50" s="70"/>
      <c r="AI50" s="70"/>
      <c r="AJ50" s="70"/>
      <c r="AK50" s="71"/>
    </row>
    <row r="51" spans="1:38" s="2" customFormat="1" ht="125.25" customHeight="1" x14ac:dyDescent="0.15">
      <c r="B51" s="99" t="s">
        <v>62</v>
      </c>
      <c r="C51" s="99"/>
      <c r="D51" s="99"/>
      <c r="E51" s="99"/>
      <c r="F51" s="99"/>
      <c r="G51" s="99"/>
      <c r="H51" s="99"/>
      <c r="I51" s="99"/>
      <c r="J51" s="99"/>
      <c r="K51" s="99"/>
      <c r="L51" s="99"/>
      <c r="M51" s="99"/>
      <c r="N51" s="99"/>
      <c r="O51" s="99"/>
      <c r="P51" s="99"/>
      <c r="Q51" s="99"/>
      <c r="R51" s="99"/>
      <c r="S51" s="99"/>
      <c r="T51" s="99"/>
      <c r="U51" s="99"/>
      <c r="V51" s="99"/>
      <c r="W51" s="99"/>
      <c r="X51" s="99"/>
      <c r="Y51" s="99"/>
      <c r="Z51" s="99"/>
      <c r="AA51" s="99"/>
      <c r="AB51" s="99"/>
      <c r="AC51" s="99"/>
      <c r="AD51" s="99"/>
      <c r="AE51" s="99"/>
      <c r="AF51" s="99"/>
      <c r="AG51" s="99"/>
      <c r="AH51" s="99"/>
      <c r="AI51" s="99"/>
      <c r="AJ51" s="99"/>
      <c r="AK51" s="99"/>
    </row>
    <row r="52" spans="1:38" s="2" customFormat="1" ht="15" customHeight="1" x14ac:dyDescent="0.15"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28"/>
      <c r="X52" s="28"/>
      <c r="Y52" s="28"/>
      <c r="Z52" s="28"/>
      <c r="AA52" s="28"/>
      <c r="AB52" s="28"/>
      <c r="AC52" s="28"/>
      <c r="AD52" s="28"/>
      <c r="AE52" s="28"/>
      <c r="AF52" s="28"/>
      <c r="AG52" s="28"/>
      <c r="AH52" s="28"/>
      <c r="AI52" s="28"/>
      <c r="AJ52" s="1"/>
      <c r="AK52" s="1"/>
    </row>
    <row r="53" spans="1:38" ht="15" customHeight="1" x14ac:dyDescent="0.15">
      <c r="A53" s="1"/>
      <c r="AL53" s="1"/>
    </row>
    <row r="54" spans="1:38" ht="15" customHeight="1" x14ac:dyDescent="0.15">
      <c r="A54" s="1"/>
      <c r="AL54" s="1"/>
    </row>
    <row r="55" spans="1:38" ht="15" customHeight="1" x14ac:dyDescent="0.15">
      <c r="A55" s="1"/>
      <c r="AL55" s="1"/>
    </row>
    <row r="56" spans="1:38" ht="15" customHeight="1" x14ac:dyDescent="0.15">
      <c r="A56" s="1"/>
      <c r="AL56" s="1"/>
    </row>
    <row r="57" spans="1:38" ht="15" customHeight="1" x14ac:dyDescent="0.15">
      <c r="A57" s="1"/>
      <c r="AL57" s="1"/>
    </row>
    <row r="58" spans="1:38" ht="15" customHeight="1" x14ac:dyDescent="0.15">
      <c r="A58" s="1"/>
      <c r="AL58" s="1"/>
    </row>
    <row r="59" spans="1:38" ht="15" customHeight="1" x14ac:dyDescent="0.15">
      <c r="A59" s="1"/>
      <c r="AL59" s="1"/>
    </row>
    <row r="60" spans="1:38" ht="15" customHeight="1" x14ac:dyDescent="0.15">
      <c r="A60" s="1"/>
      <c r="AL60" s="1"/>
    </row>
    <row r="61" spans="1:38" ht="15" customHeight="1" x14ac:dyDescent="0.15">
      <c r="A61" s="1"/>
      <c r="AL61" s="1"/>
    </row>
    <row r="62" spans="1:38" ht="15" customHeight="1" x14ac:dyDescent="0.15">
      <c r="A62" s="1"/>
      <c r="AL62" s="1"/>
    </row>
    <row r="63" spans="1:38" ht="15" customHeight="1" x14ac:dyDescent="0.15">
      <c r="A63" s="1"/>
      <c r="AL63" s="1"/>
    </row>
    <row r="64" spans="1:38" ht="15" customHeight="1" x14ac:dyDescent="0.15">
      <c r="A64" s="1"/>
      <c r="AL64" s="1"/>
    </row>
    <row r="65" spans="1:38" ht="15" customHeight="1" x14ac:dyDescent="0.15">
      <c r="A65" s="1"/>
      <c r="AL65" s="1"/>
    </row>
    <row r="66" spans="1:38" ht="15" customHeight="1" x14ac:dyDescent="0.15">
      <c r="A66" s="1"/>
      <c r="AL66" s="1"/>
    </row>
    <row r="67" spans="1:38" ht="15" customHeight="1" x14ac:dyDescent="0.15">
      <c r="A67" s="1"/>
      <c r="AL67" s="1"/>
    </row>
    <row r="68" spans="1:38" ht="15" customHeight="1" x14ac:dyDescent="0.15">
      <c r="A68" s="1"/>
      <c r="AL68" s="1"/>
    </row>
    <row r="69" spans="1:38" ht="15" customHeight="1" x14ac:dyDescent="0.15">
      <c r="A69" s="1"/>
      <c r="AL69" s="1"/>
    </row>
    <row r="70" spans="1:38" ht="15" customHeight="1" x14ac:dyDescent="0.15">
      <c r="A70" s="1"/>
      <c r="AL70" s="1"/>
    </row>
    <row r="71" spans="1:38" ht="15" customHeight="1" x14ac:dyDescent="0.15">
      <c r="A71" s="1"/>
      <c r="AL71" s="1"/>
    </row>
    <row r="72" spans="1:38" ht="15" customHeight="1" x14ac:dyDescent="0.15">
      <c r="A72" s="1"/>
      <c r="AL72" s="1"/>
    </row>
    <row r="73" spans="1:38" ht="15" customHeight="1" x14ac:dyDescent="0.15">
      <c r="A73" s="1"/>
      <c r="AL73" s="1"/>
    </row>
    <row r="74" spans="1:38" ht="15" customHeight="1" x14ac:dyDescent="0.15">
      <c r="A74" s="1"/>
      <c r="AL74" s="1"/>
    </row>
    <row r="75" spans="1:38" ht="15" customHeight="1" x14ac:dyDescent="0.15">
      <c r="A75" s="1"/>
      <c r="AL75" s="1"/>
    </row>
    <row r="76" spans="1:38" ht="15" customHeight="1" x14ac:dyDescent="0.15">
      <c r="A76" s="1"/>
      <c r="AL76" s="1"/>
    </row>
    <row r="77" spans="1:38" ht="15" customHeight="1" x14ac:dyDescent="0.15">
      <c r="A77" s="1"/>
      <c r="AL77" s="1"/>
    </row>
    <row r="78" spans="1:38" ht="15" customHeight="1" x14ac:dyDescent="0.15">
      <c r="A78" s="1"/>
      <c r="AL78" s="1"/>
    </row>
    <row r="79" spans="1:38" ht="15" customHeight="1" x14ac:dyDescent="0.15">
      <c r="A79" s="1"/>
      <c r="AL79" s="1"/>
    </row>
    <row r="80" spans="1:38" ht="15" customHeight="1" x14ac:dyDescent="0.15">
      <c r="A80" s="1"/>
      <c r="AL80" s="1"/>
    </row>
    <row r="81" spans="1:38" ht="15" customHeight="1" x14ac:dyDescent="0.15">
      <c r="A81" s="1"/>
      <c r="AL81" s="1"/>
    </row>
    <row r="82" spans="1:38" ht="15" customHeight="1" x14ac:dyDescent="0.15">
      <c r="A82" s="1"/>
      <c r="AL82" s="1"/>
    </row>
    <row r="83" spans="1:38" ht="15" customHeight="1" x14ac:dyDescent="0.15">
      <c r="A83" s="1"/>
      <c r="AL83" s="1"/>
    </row>
    <row r="84" spans="1:38" ht="15" customHeight="1" x14ac:dyDescent="0.15">
      <c r="A84" s="1"/>
      <c r="AL84" s="1"/>
    </row>
    <row r="85" spans="1:38" ht="15" customHeight="1" x14ac:dyDescent="0.15">
      <c r="A85" s="1"/>
      <c r="AL85" s="1"/>
    </row>
    <row r="86" spans="1:38" ht="15" customHeight="1" x14ac:dyDescent="0.15">
      <c r="A86" s="1"/>
      <c r="AL86" s="1"/>
    </row>
    <row r="87" spans="1:38" ht="15" customHeight="1" x14ac:dyDescent="0.15">
      <c r="A87" s="1"/>
      <c r="AL87" s="1"/>
    </row>
    <row r="88" spans="1:38" ht="15" customHeight="1" x14ac:dyDescent="0.15">
      <c r="A88" s="1"/>
      <c r="AL88" s="1"/>
    </row>
    <row r="89" spans="1:38" ht="15" customHeight="1" x14ac:dyDescent="0.15">
      <c r="A89" s="1"/>
      <c r="AL89" s="1"/>
    </row>
    <row r="90" spans="1:38" ht="15" customHeight="1" x14ac:dyDescent="0.15">
      <c r="A90" s="1"/>
      <c r="AL90" s="1"/>
    </row>
    <row r="91" spans="1:38" ht="15" customHeight="1" x14ac:dyDescent="0.15">
      <c r="A91" s="1"/>
      <c r="AL91" s="1"/>
    </row>
    <row r="92" spans="1:38" ht="15" customHeight="1" x14ac:dyDescent="0.15">
      <c r="A92" s="1"/>
      <c r="AL92" s="1"/>
    </row>
    <row r="93" spans="1:38" ht="15" customHeight="1" x14ac:dyDescent="0.15"/>
    <row r="94" spans="1:38" ht="15" customHeight="1" x14ac:dyDescent="0.15"/>
    <row r="95" spans="1:38" ht="15" customHeight="1" x14ac:dyDescent="0.15"/>
    <row r="96" spans="1:38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5" customHeight="1" x14ac:dyDescent="0.15"/>
    <row r="102" ht="15" customHeight="1" x14ac:dyDescent="0.15"/>
    <row r="103" ht="15" customHeight="1" x14ac:dyDescent="0.15"/>
    <row r="104" ht="15" customHeight="1" x14ac:dyDescent="0.15"/>
    <row r="105" ht="15" customHeight="1" x14ac:dyDescent="0.15"/>
    <row r="106" ht="15" customHeight="1" x14ac:dyDescent="0.15"/>
    <row r="107" ht="15" customHeight="1" x14ac:dyDescent="0.15"/>
    <row r="108" ht="15" customHeight="1" x14ac:dyDescent="0.15"/>
    <row r="109" ht="15" customHeight="1" x14ac:dyDescent="0.15"/>
    <row r="110" ht="15" customHeight="1" x14ac:dyDescent="0.15"/>
    <row r="111" ht="15" customHeight="1" x14ac:dyDescent="0.15"/>
    <row r="112" ht="15" customHeight="1" x14ac:dyDescent="0.15"/>
    <row r="113" ht="15" customHeight="1" x14ac:dyDescent="0.15"/>
    <row r="114" ht="15" customHeight="1" x14ac:dyDescent="0.15"/>
    <row r="115" ht="15" customHeight="1" x14ac:dyDescent="0.15"/>
    <row r="116" ht="15" customHeight="1" x14ac:dyDescent="0.15"/>
    <row r="117" ht="15" customHeight="1" x14ac:dyDescent="0.15"/>
    <row r="118" ht="15" customHeight="1" x14ac:dyDescent="0.15"/>
    <row r="119" ht="15" customHeight="1" x14ac:dyDescent="0.15"/>
    <row r="120" ht="15" customHeight="1" x14ac:dyDescent="0.15"/>
    <row r="121" ht="15" customHeight="1" x14ac:dyDescent="0.15"/>
    <row r="122" ht="15" customHeight="1" x14ac:dyDescent="0.15"/>
    <row r="123" ht="15" customHeight="1" x14ac:dyDescent="0.15"/>
    <row r="124" ht="15" customHeight="1" x14ac:dyDescent="0.15"/>
    <row r="125" ht="15" customHeight="1" x14ac:dyDescent="0.15"/>
    <row r="126" ht="15" customHeight="1" x14ac:dyDescent="0.15"/>
    <row r="127" ht="15" customHeight="1" x14ac:dyDescent="0.15"/>
    <row r="128" ht="15" customHeight="1" x14ac:dyDescent="0.15"/>
    <row r="129" ht="15" customHeight="1" x14ac:dyDescent="0.15"/>
    <row r="130" ht="15" customHeight="1" x14ac:dyDescent="0.15"/>
    <row r="131" ht="15" customHeight="1" x14ac:dyDescent="0.15"/>
    <row r="132" ht="15" customHeight="1" x14ac:dyDescent="0.15"/>
    <row r="133" ht="15" customHeight="1" x14ac:dyDescent="0.15"/>
    <row r="134" ht="15" customHeight="1" x14ac:dyDescent="0.15"/>
    <row r="135" ht="15" customHeight="1" x14ac:dyDescent="0.15"/>
    <row r="136" ht="15" customHeight="1" x14ac:dyDescent="0.15"/>
    <row r="137" ht="15" customHeight="1" x14ac:dyDescent="0.15"/>
    <row r="138" ht="15" customHeight="1" x14ac:dyDescent="0.15"/>
    <row r="139" ht="15" customHeight="1" x14ac:dyDescent="0.15"/>
    <row r="140" ht="15" customHeight="1" x14ac:dyDescent="0.15"/>
    <row r="141" ht="15" customHeight="1" x14ac:dyDescent="0.15"/>
    <row r="142" ht="15" customHeight="1" x14ac:dyDescent="0.15"/>
    <row r="143" ht="15" customHeight="1" x14ac:dyDescent="0.15"/>
    <row r="144" ht="15" customHeight="1" x14ac:dyDescent="0.15"/>
    <row r="145" ht="15" customHeight="1" x14ac:dyDescent="0.15"/>
    <row r="146" ht="15" customHeight="1" x14ac:dyDescent="0.15"/>
    <row r="147" ht="15" customHeight="1" x14ac:dyDescent="0.15"/>
    <row r="148" ht="15" customHeight="1" x14ac:dyDescent="0.15"/>
    <row r="149" ht="15" customHeight="1" x14ac:dyDescent="0.15"/>
    <row r="150" ht="15" customHeight="1" x14ac:dyDescent="0.15"/>
    <row r="151" ht="15" customHeight="1" x14ac:dyDescent="0.15"/>
    <row r="152" ht="15" customHeight="1" x14ac:dyDescent="0.15"/>
    <row r="153" ht="15" customHeight="1" x14ac:dyDescent="0.15"/>
    <row r="154" ht="15" customHeight="1" x14ac:dyDescent="0.15"/>
    <row r="155" ht="15" customHeight="1" x14ac:dyDescent="0.15"/>
    <row r="156" ht="15" customHeight="1" x14ac:dyDescent="0.15"/>
    <row r="157" ht="15" customHeight="1" x14ac:dyDescent="0.15"/>
    <row r="158" ht="15" customHeight="1" x14ac:dyDescent="0.15"/>
    <row r="159" ht="15" customHeight="1" x14ac:dyDescent="0.15"/>
    <row r="160" ht="15" customHeight="1" x14ac:dyDescent="0.15"/>
    <row r="161" ht="15" customHeight="1" x14ac:dyDescent="0.15"/>
    <row r="162" ht="15" customHeight="1" x14ac:dyDescent="0.15"/>
    <row r="163" ht="15" customHeight="1" x14ac:dyDescent="0.15"/>
    <row r="164" ht="15" customHeight="1" x14ac:dyDescent="0.15"/>
    <row r="165" ht="15" customHeight="1" x14ac:dyDescent="0.15"/>
    <row r="166" ht="15" customHeight="1" x14ac:dyDescent="0.15"/>
    <row r="167" ht="15" customHeight="1" x14ac:dyDescent="0.15"/>
    <row r="168" ht="15" customHeight="1" x14ac:dyDescent="0.15"/>
    <row r="169" ht="15" customHeight="1" x14ac:dyDescent="0.15"/>
    <row r="170" ht="15" customHeight="1" x14ac:dyDescent="0.15"/>
    <row r="171" ht="15" customHeight="1" x14ac:dyDescent="0.15"/>
    <row r="172" ht="15" customHeight="1" x14ac:dyDescent="0.15"/>
    <row r="173" ht="15" customHeight="1" x14ac:dyDescent="0.15"/>
    <row r="174" ht="15" customHeight="1" x14ac:dyDescent="0.15"/>
    <row r="175" ht="15" customHeight="1" x14ac:dyDescent="0.15"/>
    <row r="176" ht="15" customHeight="1" x14ac:dyDescent="0.15"/>
    <row r="177" ht="15" customHeight="1" x14ac:dyDescent="0.15"/>
    <row r="178" ht="15" customHeight="1" x14ac:dyDescent="0.15"/>
    <row r="179" ht="15" customHeight="1" x14ac:dyDescent="0.15"/>
    <row r="180" ht="15" customHeight="1" x14ac:dyDescent="0.15"/>
    <row r="181" ht="15" customHeight="1" x14ac:dyDescent="0.15"/>
    <row r="182" ht="15" customHeight="1" x14ac:dyDescent="0.15"/>
    <row r="183" ht="15" customHeight="1" x14ac:dyDescent="0.15"/>
    <row r="184" ht="15" customHeight="1" x14ac:dyDescent="0.15"/>
    <row r="185" ht="15" customHeight="1" x14ac:dyDescent="0.15"/>
    <row r="186" ht="15" customHeight="1" x14ac:dyDescent="0.15"/>
    <row r="187" ht="15" customHeight="1" x14ac:dyDescent="0.15"/>
    <row r="188" ht="15" customHeight="1" x14ac:dyDescent="0.15"/>
    <row r="189" ht="15" customHeight="1" x14ac:dyDescent="0.15"/>
    <row r="190" ht="15" customHeight="1" x14ac:dyDescent="0.15"/>
    <row r="191" ht="15" customHeight="1" x14ac:dyDescent="0.15"/>
    <row r="192" ht="15" customHeight="1" x14ac:dyDescent="0.15"/>
    <row r="193" ht="15" customHeight="1" x14ac:dyDescent="0.15"/>
    <row r="194" ht="15" customHeight="1" x14ac:dyDescent="0.15"/>
    <row r="195" ht="15" customHeight="1" x14ac:dyDescent="0.15"/>
    <row r="196" ht="15" customHeight="1" x14ac:dyDescent="0.15"/>
    <row r="197" ht="15" customHeight="1" x14ac:dyDescent="0.15"/>
    <row r="198" ht="15" customHeight="1" x14ac:dyDescent="0.15"/>
    <row r="199" ht="15" customHeight="1" x14ac:dyDescent="0.15"/>
    <row r="200" ht="15" customHeight="1" x14ac:dyDescent="0.15"/>
    <row r="201" ht="15" customHeight="1" x14ac:dyDescent="0.15"/>
    <row r="202" ht="15" customHeight="1" x14ac:dyDescent="0.15"/>
    <row r="203" ht="15" customHeight="1" x14ac:dyDescent="0.15"/>
    <row r="204" ht="15" customHeight="1" x14ac:dyDescent="0.15"/>
    <row r="205" ht="15" customHeight="1" x14ac:dyDescent="0.15"/>
    <row r="206" ht="15" customHeight="1" x14ac:dyDescent="0.15"/>
    <row r="207" ht="15" customHeight="1" x14ac:dyDescent="0.15"/>
    <row r="208" ht="15" customHeight="1" x14ac:dyDescent="0.15"/>
    <row r="209" ht="15" customHeight="1" x14ac:dyDescent="0.15"/>
    <row r="210" ht="15" customHeight="1" x14ac:dyDescent="0.15"/>
    <row r="211" ht="15" customHeight="1" x14ac:dyDescent="0.15"/>
    <row r="212" ht="15" customHeight="1" x14ac:dyDescent="0.15"/>
    <row r="213" ht="15" customHeight="1" x14ac:dyDescent="0.15"/>
    <row r="214" ht="15" customHeight="1" x14ac:dyDescent="0.15"/>
    <row r="215" ht="15" customHeight="1" x14ac:dyDescent="0.15"/>
    <row r="216" ht="15" customHeight="1" x14ac:dyDescent="0.15"/>
    <row r="217" ht="15" customHeight="1" x14ac:dyDescent="0.15"/>
    <row r="218" ht="15" customHeight="1" x14ac:dyDescent="0.15"/>
    <row r="219" ht="15" customHeight="1" x14ac:dyDescent="0.15"/>
    <row r="220" ht="15" customHeight="1" x14ac:dyDescent="0.15"/>
    <row r="221" ht="15" customHeight="1" x14ac:dyDescent="0.15"/>
    <row r="222" ht="15" customHeight="1" x14ac:dyDescent="0.15"/>
    <row r="223" ht="15" customHeight="1" x14ac:dyDescent="0.15"/>
    <row r="224" ht="15" customHeight="1" x14ac:dyDescent="0.15"/>
    <row r="225" ht="15" customHeight="1" x14ac:dyDescent="0.15"/>
    <row r="226" ht="15" customHeight="1" x14ac:dyDescent="0.15"/>
    <row r="227" ht="15" customHeight="1" x14ac:dyDescent="0.15"/>
    <row r="228" ht="15" customHeight="1" x14ac:dyDescent="0.15"/>
    <row r="229" ht="15" customHeight="1" x14ac:dyDescent="0.15"/>
    <row r="230" ht="15" customHeight="1" x14ac:dyDescent="0.15"/>
    <row r="231" ht="15" customHeight="1" x14ac:dyDescent="0.15"/>
    <row r="232" ht="15" customHeight="1" x14ac:dyDescent="0.15"/>
    <row r="233" ht="15" customHeight="1" x14ac:dyDescent="0.15"/>
    <row r="234" ht="15" customHeight="1" x14ac:dyDescent="0.15"/>
    <row r="235" ht="15" customHeight="1" x14ac:dyDescent="0.15"/>
    <row r="236" ht="15" customHeight="1" x14ac:dyDescent="0.15"/>
    <row r="237" ht="15" customHeight="1" x14ac:dyDescent="0.15"/>
    <row r="238" ht="15" customHeight="1" x14ac:dyDescent="0.15"/>
    <row r="239" ht="15" customHeight="1" x14ac:dyDescent="0.15"/>
    <row r="240" ht="15" customHeight="1" x14ac:dyDescent="0.15"/>
    <row r="241" ht="15" customHeight="1" x14ac:dyDescent="0.15"/>
    <row r="242" ht="15" customHeight="1" x14ac:dyDescent="0.15"/>
    <row r="243" ht="15" customHeight="1" x14ac:dyDescent="0.15"/>
    <row r="244" ht="15" customHeight="1" x14ac:dyDescent="0.15"/>
    <row r="245" ht="15" customHeight="1" x14ac:dyDescent="0.15"/>
    <row r="246" ht="15" customHeight="1" x14ac:dyDescent="0.15"/>
    <row r="247" ht="15" customHeight="1" x14ac:dyDescent="0.15"/>
    <row r="248" ht="15" customHeight="1" x14ac:dyDescent="0.15"/>
    <row r="249" ht="15" customHeight="1" x14ac:dyDescent="0.15"/>
    <row r="250" ht="15" customHeight="1" x14ac:dyDescent="0.15"/>
    <row r="251" ht="15" customHeight="1" x14ac:dyDescent="0.15"/>
    <row r="252" ht="15" customHeight="1" x14ac:dyDescent="0.15"/>
    <row r="253" ht="15" customHeight="1" x14ac:dyDescent="0.15"/>
    <row r="254" ht="15" customHeight="1" x14ac:dyDescent="0.15"/>
    <row r="255" ht="15" customHeight="1" x14ac:dyDescent="0.15"/>
    <row r="256" ht="15" customHeight="1" x14ac:dyDescent="0.15"/>
    <row r="257" ht="15" customHeight="1" x14ac:dyDescent="0.15"/>
    <row r="258" ht="15" customHeight="1" x14ac:dyDescent="0.15"/>
    <row r="259" ht="15" customHeight="1" x14ac:dyDescent="0.15"/>
    <row r="260" ht="15" customHeight="1" x14ac:dyDescent="0.15"/>
    <row r="261" ht="15" customHeight="1" x14ac:dyDescent="0.15"/>
    <row r="262" ht="15" customHeight="1" x14ac:dyDescent="0.15"/>
    <row r="263" ht="15" customHeight="1" x14ac:dyDescent="0.15"/>
    <row r="264" ht="15" customHeight="1" x14ac:dyDescent="0.15"/>
    <row r="265" ht="15" customHeight="1" x14ac:dyDescent="0.15"/>
    <row r="266" ht="15" customHeight="1" x14ac:dyDescent="0.15"/>
    <row r="267" ht="15" customHeight="1" x14ac:dyDescent="0.15"/>
    <row r="268" ht="15" customHeight="1" x14ac:dyDescent="0.15"/>
    <row r="269" ht="15" customHeight="1" x14ac:dyDescent="0.15"/>
    <row r="270" ht="15" customHeight="1" x14ac:dyDescent="0.15"/>
    <row r="271" ht="15" customHeight="1" x14ac:dyDescent="0.15"/>
    <row r="272" ht="15" customHeight="1" x14ac:dyDescent="0.15"/>
    <row r="273" ht="15" customHeight="1" x14ac:dyDescent="0.15"/>
    <row r="274" ht="15" customHeight="1" x14ac:dyDescent="0.15"/>
    <row r="275" ht="15" customHeight="1" x14ac:dyDescent="0.15"/>
    <row r="276" ht="15" customHeight="1" x14ac:dyDescent="0.15"/>
    <row r="277" ht="15" customHeight="1" x14ac:dyDescent="0.15"/>
    <row r="278" ht="15" customHeight="1" x14ac:dyDescent="0.15"/>
    <row r="279" ht="15" customHeight="1" x14ac:dyDescent="0.15"/>
    <row r="280" ht="15" customHeight="1" x14ac:dyDescent="0.15"/>
    <row r="281" ht="15" customHeight="1" x14ac:dyDescent="0.15"/>
    <row r="282" ht="15" customHeight="1" x14ac:dyDescent="0.15"/>
    <row r="283" ht="15" customHeight="1" x14ac:dyDescent="0.15"/>
    <row r="284" ht="15" customHeight="1" x14ac:dyDescent="0.15"/>
    <row r="285" ht="15" customHeight="1" x14ac:dyDescent="0.15"/>
    <row r="286" ht="15" customHeight="1" x14ac:dyDescent="0.15"/>
    <row r="287" ht="15" customHeight="1" x14ac:dyDescent="0.15"/>
    <row r="288" ht="15" customHeight="1" x14ac:dyDescent="0.15"/>
    <row r="289" ht="15" customHeight="1" x14ac:dyDescent="0.15"/>
    <row r="290" ht="15" customHeight="1" x14ac:dyDescent="0.15"/>
    <row r="291" ht="15" customHeight="1" x14ac:dyDescent="0.15"/>
    <row r="292" ht="15" customHeight="1" x14ac:dyDescent="0.15"/>
    <row r="293" ht="15" customHeight="1" x14ac:dyDescent="0.15"/>
    <row r="294" ht="15" customHeight="1" x14ac:dyDescent="0.15"/>
    <row r="295" ht="15" customHeight="1" x14ac:dyDescent="0.15"/>
    <row r="296" ht="15" customHeight="1" x14ac:dyDescent="0.15"/>
    <row r="297" ht="15" customHeight="1" x14ac:dyDescent="0.15"/>
    <row r="298" ht="15" customHeight="1" x14ac:dyDescent="0.15"/>
    <row r="299" ht="15" customHeight="1" x14ac:dyDescent="0.15"/>
    <row r="300" ht="15" customHeight="1" x14ac:dyDescent="0.15"/>
    <row r="301" ht="15" customHeight="1" x14ac:dyDescent="0.15"/>
    <row r="302" ht="15" customHeight="1" x14ac:dyDescent="0.15"/>
    <row r="303" ht="15" customHeight="1" x14ac:dyDescent="0.15"/>
    <row r="304" ht="15" customHeight="1" x14ac:dyDescent="0.15"/>
    <row r="305" ht="15" customHeight="1" x14ac:dyDescent="0.15"/>
    <row r="306" ht="15" customHeight="1" x14ac:dyDescent="0.15"/>
    <row r="307" ht="15" customHeight="1" x14ac:dyDescent="0.15"/>
    <row r="308" ht="15" customHeight="1" x14ac:dyDescent="0.15"/>
    <row r="309" ht="15" customHeight="1" x14ac:dyDescent="0.15"/>
    <row r="310" ht="15" customHeight="1" x14ac:dyDescent="0.15"/>
    <row r="311" ht="15" customHeight="1" x14ac:dyDescent="0.15"/>
    <row r="312" ht="15" customHeight="1" x14ac:dyDescent="0.15"/>
    <row r="313" ht="15" customHeight="1" x14ac:dyDescent="0.15"/>
    <row r="314" ht="15" customHeight="1" x14ac:dyDescent="0.15"/>
    <row r="315" ht="15" customHeight="1" x14ac:dyDescent="0.15"/>
    <row r="316" ht="15" customHeight="1" x14ac:dyDescent="0.15"/>
    <row r="317" ht="15" customHeight="1" x14ac:dyDescent="0.15"/>
    <row r="318" ht="15" customHeight="1" x14ac:dyDescent="0.15"/>
    <row r="319" ht="15" customHeight="1" x14ac:dyDescent="0.15"/>
    <row r="320" ht="15" customHeight="1" x14ac:dyDescent="0.15"/>
    <row r="321" ht="15" customHeight="1" x14ac:dyDescent="0.15"/>
    <row r="322" ht="15" customHeight="1" x14ac:dyDescent="0.15"/>
    <row r="323" ht="15" customHeight="1" x14ac:dyDescent="0.15"/>
    <row r="324" ht="15" customHeight="1" x14ac:dyDescent="0.15"/>
    <row r="325" ht="15" customHeight="1" x14ac:dyDescent="0.15"/>
    <row r="326" ht="15" customHeight="1" x14ac:dyDescent="0.15"/>
    <row r="327" ht="15" customHeight="1" x14ac:dyDescent="0.15"/>
    <row r="328" ht="15" customHeight="1" x14ac:dyDescent="0.15"/>
    <row r="329" ht="15" customHeight="1" x14ac:dyDescent="0.15"/>
    <row r="330" ht="15" customHeight="1" x14ac:dyDescent="0.15"/>
    <row r="331" ht="15" customHeight="1" x14ac:dyDescent="0.15"/>
    <row r="332" ht="15" customHeight="1" x14ac:dyDescent="0.15"/>
    <row r="333" ht="15" customHeight="1" x14ac:dyDescent="0.15"/>
    <row r="334" ht="15" customHeight="1" x14ac:dyDescent="0.15"/>
    <row r="335" ht="15" customHeight="1" x14ac:dyDescent="0.15"/>
    <row r="336" ht="15" customHeight="1" x14ac:dyDescent="0.15"/>
    <row r="337" ht="15" customHeight="1" x14ac:dyDescent="0.15"/>
    <row r="338" ht="15" customHeight="1" x14ac:dyDescent="0.15"/>
    <row r="339" ht="15" customHeight="1" x14ac:dyDescent="0.15"/>
    <row r="340" ht="15" customHeight="1" x14ac:dyDescent="0.15"/>
    <row r="341" ht="15" customHeight="1" x14ac:dyDescent="0.15"/>
    <row r="342" ht="15" customHeight="1" x14ac:dyDescent="0.15"/>
    <row r="343" ht="15" customHeight="1" x14ac:dyDescent="0.15"/>
    <row r="344" ht="15" customHeight="1" x14ac:dyDescent="0.15"/>
    <row r="345" ht="15" customHeight="1" x14ac:dyDescent="0.15"/>
    <row r="346" ht="15" customHeight="1" x14ac:dyDescent="0.15"/>
    <row r="347" ht="15" customHeight="1" x14ac:dyDescent="0.15"/>
    <row r="348" ht="15" customHeight="1" x14ac:dyDescent="0.15"/>
    <row r="349" ht="15" customHeight="1" x14ac:dyDescent="0.15"/>
    <row r="350" ht="15" customHeight="1" x14ac:dyDescent="0.15"/>
    <row r="351" ht="15" customHeight="1" x14ac:dyDescent="0.15"/>
    <row r="352" ht="15" customHeight="1" x14ac:dyDescent="0.15"/>
    <row r="353" ht="15" customHeight="1" x14ac:dyDescent="0.15"/>
    <row r="354" ht="15" customHeight="1" x14ac:dyDescent="0.15"/>
    <row r="355" ht="15" customHeight="1" x14ac:dyDescent="0.15"/>
    <row r="356" ht="15" customHeight="1" x14ac:dyDescent="0.15"/>
    <row r="357" ht="15" customHeight="1" x14ac:dyDescent="0.15"/>
    <row r="358" ht="15" customHeight="1" x14ac:dyDescent="0.15"/>
    <row r="359" ht="15" customHeight="1" x14ac:dyDescent="0.15"/>
    <row r="360" ht="15" customHeight="1" x14ac:dyDescent="0.15"/>
    <row r="361" ht="15" customHeight="1" x14ac:dyDescent="0.15"/>
    <row r="362" ht="15" customHeight="1" x14ac:dyDescent="0.15"/>
    <row r="363" ht="15" customHeight="1" x14ac:dyDescent="0.15"/>
    <row r="364" ht="15" customHeight="1" x14ac:dyDescent="0.15"/>
    <row r="365" ht="15" customHeight="1" x14ac:dyDescent="0.15"/>
    <row r="366" ht="15" customHeight="1" x14ac:dyDescent="0.15"/>
    <row r="367" ht="15" customHeight="1" x14ac:dyDescent="0.15"/>
    <row r="368" ht="15" customHeight="1" x14ac:dyDescent="0.15"/>
    <row r="369" ht="15" customHeight="1" x14ac:dyDescent="0.15"/>
    <row r="370" ht="15" customHeight="1" x14ac:dyDescent="0.15"/>
    <row r="371" ht="15" customHeight="1" x14ac:dyDescent="0.15"/>
    <row r="372" ht="15" customHeight="1" x14ac:dyDescent="0.15"/>
    <row r="373" ht="15" customHeight="1" x14ac:dyDescent="0.15"/>
    <row r="374" ht="15" customHeight="1" x14ac:dyDescent="0.15"/>
    <row r="375" ht="15" customHeight="1" x14ac:dyDescent="0.15"/>
    <row r="376" ht="15" customHeight="1" x14ac:dyDescent="0.15"/>
    <row r="377" ht="15" customHeight="1" x14ac:dyDescent="0.15"/>
    <row r="378" ht="15" customHeight="1" x14ac:dyDescent="0.15"/>
    <row r="379" ht="15" customHeight="1" x14ac:dyDescent="0.15"/>
    <row r="380" ht="15" customHeight="1" x14ac:dyDescent="0.15"/>
    <row r="381" ht="15" customHeight="1" x14ac:dyDescent="0.15"/>
    <row r="382" ht="15" customHeight="1" x14ac:dyDescent="0.15"/>
    <row r="383" ht="15" customHeight="1" x14ac:dyDescent="0.15"/>
    <row r="384" ht="15" customHeight="1" x14ac:dyDescent="0.15"/>
    <row r="385" ht="15" customHeight="1" x14ac:dyDescent="0.15"/>
    <row r="386" ht="15" customHeight="1" x14ac:dyDescent="0.15"/>
    <row r="387" ht="15" customHeight="1" x14ac:dyDescent="0.15"/>
    <row r="388" ht="15" customHeight="1" x14ac:dyDescent="0.15"/>
    <row r="389" ht="15" customHeight="1" x14ac:dyDescent="0.15"/>
    <row r="390" ht="15" customHeight="1" x14ac:dyDescent="0.15"/>
    <row r="391" ht="15" customHeight="1" x14ac:dyDescent="0.15"/>
    <row r="392" ht="15" customHeight="1" x14ac:dyDescent="0.15"/>
    <row r="393" ht="15" customHeight="1" x14ac:dyDescent="0.15"/>
    <row r="394" ht="15" customHeight="1" x14ac:dyDescent="0.15"/>
    <row r="395" ht="15" customHeight="1" x14ac:dyDescent="0.15"/>
    <row r="396" ht="15" customHeight="1" x14ac:dyDescent="0.15"/>
    <row r="397" ht="15" customHeight="1" x14ac:dyDescent="0.15"/>
    <row r="398" ht="15" customHeight="1" x14ac:dyDescent="0.15"/>
    <row r="399" ht="15" customHeight="1" x14ac:dyDescent="0.15"/>
    <row r="400" ht="15" customHeight="1" x14ac:dyDescent="0.15"/>
    <row r="401" ht="15" customHeight="1" x14ac:dyDescent="0.15"/>
    <row r="402" ht="15" customHeight="1" x14ac:dyDescent="0.15"/>
    <row r="403" ht="15" customHeight="1" x14ac:dyDescent="0.15"/>
    <row r="404" ht="15" customHeight="1" x14ac:dyDescent="0.15"/>
    <row r="405" ht="15" customHeight="1" x14ac:dyDescent="0.15"/>
    <row r="406" ht="15" customHeight="1" x14ac:dyDescent="0.15"/>
    <row r="407" ht="15" customHeight="1" x14ac:dyDescent="0.15"/>
    <row r="408" ht="15" customHeight="1" x14ac:dyDescent="0.15"/>
    <row r="409" ht="15" customHeight="1" x14ac:dyDescent="0.15"/>
    <row r="410" ht="15" customHeight="1" x14ac:dyDescent="0.15"/>
    <row r="411" ht="15" customHeight="1" x14ac:dyDescent="0.15"/>
    <row r="412" ht="15" customHeight="1" x14ac:dyDescent="0.15"/>
    <row r="413" ht="15" customHeight="1" x14ac:dyDescent="0.15"/>
    <row r="414" ht="15" customHeight="1" x14ac:dyDescent="0.15"/>
    <row r="415" ht="15" customHeight="1" x14ac:dyDescent="0.15"/>
    <row r="416" ht="15" customHeight="1" x14ac:dyDescent="0.15"/>
    <row r="417" ht="15" customHeight="1" x14ac:dyDescent="0.15"/>
    <row r="418" ht="15" customHeight="1" x14ac:dyDescent="0.15"/>
    <row r="419" ht="15" customHeight="1" x14ac:dyDescent="0.15"/>
    <row r="420" ht="15" customHeight="1" x14ac:dyDescent="0.15"/>
    <row r="421" ht="15" customHeight="1" x14ac:dyDescent="0.15"/>
    <row r="422" ht="15" customHeight="1" x14ac:dyDescent="0.15"/>
    <row r="423" ht="15" customHeight="1" x14ac:dyDescent="0.15"/>
    <row r="424" ht="15" customHeight="1" x14ac:dyDescent="0.15"/>
    <row r="425" ht="15" customHeight="1" x14ac:dyDescent="0.15"/>
    <row r="426" ht="15" customHeight="1" x14ac:dyDescent="0.15"/>
    <row r="427" ht="15" customHeight="1" x14ac:dyDescent="0.15"/>
    <row r="428" ht="15" customHeight="1" x14ac:dyDescent="0.15"/>
    <row r="429" ht="15" customHeight="1" x14ac:dyDescent="0.15"/>
    <row r="430" ht="15" customHeight="1" x14ac:dyDescent="0.15"/>
    <row r="431" ht="15" customHeight="1" x14ac:dyDescent="0.15"/>
    <row r="432" ht="15" customHeight="1" x14ac:dyDescent="0.15"/>
    <row r="433" ht="15" customHeight="1" x14ac:dyDescent="0.15"/>
    <row r="434" ht="15" customHeight="1" x14ac:dyDescent="0.15"/>
    <row r="435" ht="15" customHeight="1" x14ac:dyDescent="0.15"/>
    <row r="436" ht="15" customHeight="1" x14ac:dyDescent="0.15"/>
    <row r="437" ht="15" customHeight="1" x14ac:dyDescent="0.15"/>
    <row r="438" ht="15" customHeight="1" x14ac:dyDescent="0.15"/>
    <row r="439" ht="15" customHeight="1" x14ac:dyDescent="0.15"/>
    <row r="440" ht="15" customHeight="1" x14ac:dyDescent="0.15"/>
    <row r="441" ht="15" customHeight="1" x14ac:dyDescent="0.15"/>
    <row r="442" ht="15" customHeight="1" x14ac:dyDescent="0.15"/>
    <row r="443" ht="15" customHeight="1" x14ac:dyDescent="0.15"/>
    <row r="444" ht="15" customHeight="1" x14ac:dyDescent="0.15"/>
    <row r="445" ht="15" customHeight="1" x14ac:dyDescent="0.15"/>
    <row r="446" ht="15" customHeight="1" x14ac:dyDescent="0.15"/>
    <row r="447" ht="15" customHeight="1" x14ac:dyDescent="0.15"/>
    <row r="448" ht="15" customHeight="1" x14ac:dyDescent="0.15"/>
    <row r="449" ht="15" customHeight="1" x14ac:dyDescent="0.15"/>
    <row r="450" ht="15" customHeight="1" x14ac:dyDescent="0.15"/>
    <row r="451" ht="15" customHeight="1" x14ac:dyDescent="0.15"/>
    <row r="452" ht="15" customHeight="1" x14ac:dyDescent="0.15"/>
    <row r="453" ht="15" customHeight="1" x14ac:dyDescent="0.15"/>
    <row r="454" ht="15" customHeight="1" x14ac:dyDescent="0.15"/>
    <row r="455" ht="15" customHeight="1" x14ac:dyDescent="0.15"/>
    <row r="456" ht="15" customHeight="1" x14ac:dyDescent="0.15"/>
    <row r="457" ht="15" customHeight="1" x14ac:dyDescent="0.15"/>
    <row r="458" ht="15" customHeight="1" x14ac:dyDescent="0.15"/>
    <row r="459" ht="15" customHeight="1" x14ac:dyDescent="0.15"/>
    <row r="460" ht="15" customHeight="1" x14ac:dyDescent="0.15"/>
    <row r="461" ht="15" customHeight="1" x14ac:dyDescent="0.15"/>
    <row r="462" ht="15" customHeight="1" x14ac:dyDescent="0.15"/>
    <row r="463" ht="15" customHeight="1" x14ac:dyDescent="0.15"/>
    <row r="464" ht="15" customHeight="1" x14ac:dyDescent="0.15"/>
    <row r="465" ht="15" customHeight="1" x14ac:dyDescent="0.15"/>
    <row r="466" ht="15" customHeight="1" x14ac:dyDescent="0.15"/>
    <row r="467" ht="15" customHeight="1" x14ac:dyDescent="0.15"/>
    <row r="468" ht="15" customHeight="1" x14ac:dyDescent="0.15"/>
    <row r="469" ht="15" customHeight="1" x14ac:dyDescent="0.15"/>
    <row r="470" ht="15" customHeight="1" x14ac:dyDescent="0.15"/>
    <row r="471" ht="15" customHeight="1" x14ac:dyDescent="0.15"/>
    <row r="472" ht="15" customHeight="1" x14ac:dyDescent="0.15"/>
    <row r="473" ht="15" customHeight="1" x14ac:dyDescent="0.15"/>
    <row r="474" ht="15" customHeight="1" x14ac:dyDescent="0.15"/>
    <row r="475" ht="15" customHeight="1" x14ac:dyDescent="0.15"/>
    <row r="476" ht="15" customHeight="1" x14ac:dyDescent="0.15"/>
    <row r="477" ht="15" customHeight="1" x14ac:dyDescent="0.15"/>
    <row r="478" ht="15" customHeight="1" x14ac:dyDescent="0.15"/>
    <row r="479" ht="15" customHeight="1" x14ac:dyDescent="0.15"/>
    <row r="480" ht="15" customHeight="1" x14ac:dyDescent="0.15"/>
    <row r="481" ht="15" customHeight="1" x14ac:dyDescent="0.15"/>
    <row r="482" ht="15" customHeight="1" x14ac:dyDescent="0.15"/>
    <row r="483" ht="15" customHeight="1" x14ac:dyDescent="0.15"/>
    <row r="484" ht="15" customHeight="1" x14ac:dyDescent="0.15"/>
    <row r="485" ht="15" customHeight="1" x14ac:dyDescent="0.15"/>
    <row r="486" ht="15" customHeight="1" x14ac:dyDescent="0.15"/>
    <row r="487" ht="15" customHeight="1" x14ac:dyDescent="0.15"/>
    <row r="488" ht="15" customHeight="1" x14ac:dyDescent="0.15"/>
    <row r="489" ht="15" customHeight="1" x14ac:dyDescent="0.15"/>
    <row r="490" ht="15" customHeight="1" x14ac:dyDescent="0.15"/>
    <row r="491" ht="15" customHeight="1" x14ac:dyDescent="0.15"/>
    <row r="492" ht="15" customHeight="1" x14ac:dyDescent="0.15"/>
    <row r="493" ht="15" customHeight="1" x14ac:dyDescent="0.15"/>
    <row r="494" ht="15" customHeight="1" x14ac:dyDescent="0.15"/>
    <row r="495" ht="15" customHeight="1" x14ac:dyDescent="0.15"/>
    <row r="496" ht="15" customHeight="1" x14ac:dyDescent="0.15"/>
    <row r="497" ht="15" customHeight="1" x14ac:dyDescent="0.15"/>
    <row r="498" ht="15" customHeight="1" x14ac:dyDescent="0.15"/>
    <row r="499" ht="15" customHeight="1" x14ac:dyDescent="0.15"/>
    <row r="500" ht="15" customHeight="1" x14ac:dyDescent="0.15"/>
    <row r="501" ht="15" customHeight="1" x14ac:dyDescent="0.15"/>
    <row r="502" ht="15" customHeight="1" x14ac:dyDescent="0.15"/>
    <row r="503" ht="15" customHeight="1" x14ac:dyDescent="0.15"/>
    <row r="504" ht="15" customHeight="1" x14ac:dyDescent="0.15"/>
    <row r="505" ht="15" customHeight="1" x14ac:dyDescent="0.15"/>
    <row r="506" ht="15" customHeight="1" x14ac:dyDescent="0.15"/>
    <row r="507" ht="15" customHeight="1" x14ac:dyDescent="0.15"/>
    <row r="508" ht="15" customHeight="1" x14ac:dyDescent="0.15"/>
    <row r="509" ht="15" customHeight="1" x14ac:dyDescent="0.15"/>
    <row r="510" ht="15" customHeight="1" x14ac:dyDescent="0.15"/>
    <row r="511" ht="15" customHeight="1" x14ac:dyDescent="0.15"/>
    <row r="512" ht="15" customHeight="1" x14ac:dyDescent="0.15"/>
    <row r="513" ht="15" customHeight="1" x14ac:dyDescent="0.15"/>
    <row r="514" ht="15" customHeight="1" x14ac:dyDescent="0.15"/>
    <row r="515" ht="15" customHeight="1" x14ac:dyDescent="0.15"/>
    <row r="516" ht="15" customHeight="1" x14ac:dyDescent="0.15"/>
    <row r="517" ht="15" customHeight="1" x14ac:dyDescent="0.15"/>
    <row r="518" ht="15" customHeight="1" x14ac:dyDescent="0.15"/>
    <row r="519" ht="15" customHeight="1" x14ac:dyDescent="0.15"/>
    <row r="520" ht="15" customHeight="1" x14ac:dyDescent="0.15"/>
    <row r="521" ht="15" customHeight="1" x14ac:dyDescent="0.15"/>
    <row r="522" ht="15" customHeight="1" x14ac:dyDescent="0.15"/>
    <row r="523" ht="15" customHeight="1" x14ac:dyDescent="0.15"/>
    <row r="524" ht="15" customHeight="1" x14ac:dyDescent="0.15"/>
    <row r="525" ht="15" customHeight="1" x14ac:dyDescent="0.15"/>
    <row r="526" ht="15" customHeight="1" x14ac:dyDescent="0.15"/>
    <row r="527" ht="15" customHeight="1" x14ac:dyDescent="0.15"/>
    <row r="528" ht="15" customHeight="1" x14ac:dyDescent="0.15"/>
    <row r="529" ht="15" customHeight="1" x14ac:dyDescent="0.15"/>
    <row r="530" ht="15" customHeight="1" x14ac:dyDescent="0.15"/>
    <row r="531" ht="15" customHeight="1" x14ac:dyDescent="0.15"/>
    <row r="532" ht="15" customHeight="1" x14ac:dyDescent="0.15"/>
    <row r="533" ht="15" customHeight="1" x14ac:dyDescent="0.15"/>
    <row r="534" ht="15" customHeight="1" x14ac:dyDescent="0.15"/>
    <row r="535" ht="15" customHeight="1" x14ac:dyDescent="0.15"/>
    <row r="536" ht="15" customHeight="1" x14ac:dyDescent="0.15"/>
    <row r="537" ht="15" customHeight="1" x14ac:dyDescent="0.15"/>
    <row r="538" ht="15" customHeight="1" x14ac:dyDescent="0.15"/>
    <row r="539" ht="15" customHeight="1" x14ac:dyDescent="0.15"/>
    <row r="540" ht="15" customHeight="1" x14ac:dyDescent="0.15"/>
    <row r="541" ht="15" customHeight="1" x14ac:dyDescent="0.15"/>
    <row r="542" ht="15" customHeight="1" x14ac:dyDescent="0.15"/>
    <row r="543" ht="15" customHeight="1" x14ac:dyDescent="0.15"/>
    <row r="544" ht="15" customHeight="1" x14ac:dyDescent="0.15"/>
    <row r="545" ht="15" customHeight="1" x14ac:dyDescent="0.15"/>
    <row r="546" ht="15" customHeight="1" x14ac:dyDescent="0.15"/>
    <row r="547" ht="15" customHeight="1" x14ac:dyDescent="0.15"/>
    <row r="548" ht="15" customHeight="1" x14ac:dyDescent="0.15"/>
    <row r="549" ht="15" customHeight="1" x14ac:dyDescent="0.15"/>
    <row r="550" ht="15" customHeight="1" x14ac:dyDescent="0.15"/>
    <row r="551" ht="15" customHeight="1" x14ac:dyDescent="0.15"/>
    <row r="552" ht="15" customHeight="1" x14ac:dyDescent="0.15"/>
    <row r="553" ht="15" customHeight="1" x14ac:dyDescent="0.15"/>
    <row r="554" ht="15" customHeight="1" x14ac:dyDescent="0.15"/>
    <row r="555" ht="15" customHeight="1" x14ac:dyDescent="0.15"/>
    <row r="556" ht="15" customHeight="1" x14ac:dyDescent="0.15"/>
    <row r="557" ht="15" customHeight="1" x14ac:dyDescent="0.15"/>
    <row r="558" ht="15" customHeight="1" x14ac:dyDescent="0.15"/>
    <row r="559" ht="15" customHeight="1" x14ac:dyDescent="0.15"/>
    <row r="560" ht="15" customHeight="1" x14ac:dyDescent="0.15"/>
    <row r="561" ht="15" customHeight="1" x14ac:dyDescent="0.15"/>
    <row r="562" ht="15" customHeight="1" x14ac:dyDescent="0.15"/>
    <row r="563" ht="15" customHeight="1" x14ac:dyDescent="0.15"/>
    <row r="564" ht="15" customHeight="1" x14ac:dyDescent="0.15"/>
    <row r="565" ht="15" customHeight="1" x14ac:dyDescent="0.15"/>
    <row r="566" ht="15" customHeight="1" x14ac:dyDescent="0.15"/>
    <row r="567" ht="15" customHeight="1" x14ac:dyDescent="0.15"/>
    <row r="568" ht="15" customHeight="1" x14ac:dyDescent="0.15"/>
    <row r="569" ht="15" customHeight="1" x14ac:dyDescent="0.15"/>
    <row r="570" ht="15" customHeight="1" x14ac:dyDescent="0.15"/>
    <row r="571" ht="15" customHeight="1" x14ac:dyDescent="0.15"/>
    <row r="572" ht="15" customHeight="1" x14ac:dyDescent="0.15"/>
    <row r="573" ht="15" customHeight="1" x14ac:dyDescent="0.15"/>
    <row r="574" ht="15" customHeight="1" x14ac:dyDescent="0.15"/>
    <row r="575" ht="15" customHeight="1" x14ac:dyDescent="0.15"/>
    <row r="576" ht="15" customHeight="1" x14ac:dyDescent="0.15"/>
    <row r="577" ht="15" customHeight="1" x14ac:dyDescent="0.15"/>
    <row r="578" ht="15" customHeight="1" x14ac:dyDescent="0.15"/>
    <row r="579" ht="15" customHeight="1" x14ac:dyDescent="0.15"/>
    <row r="580" ht="15" customHeight="1" x14ac:dyDescent="0.15"/>
    <row r="581" ht="15" customHeight="1" x14ac:dyDescent="0.15"/>
    <row r="582" ht="15" customHeight="1" x14ac:dyDescent="0.15"/>
    <row r="583" ht="15" customHeight="1" x14ac:dyDescent="0.15"/>
    <row r="584" ht="15" customHeight="1" x14ac:dyDescent="0.15"/>
    <row r="585" ht="15" customHeight="1" x14ac:dyDescent="0.15"/>
    <row r="586" ht="15" customHeight="1" x14ac:dyDescent="0.15"/>
    <row r="587" ht="15" customHeight="1" x14ac:dyDescent="0.15"/>
    <row r="588" ht="15" customHeight="1" x14ac:dyDescent="0.15"/>
    <row r="589" ht="15" customHeight="1" x14ac:dyDescent="0.15"/>
    <row r="590" ht="15" customHeight="1" x14ac:dyDescent="0.15"/>
    <row r="591" ht="15" customHeight="1" x14ac:dyDescent="0.15"/>
    <row r="592" ht="15" customHeight="1" x14ac:dyDescent="0.15"/>
    <row r="593" ht="15" customHeight="1" x14ac:dyDescent="0.15"/>
    <row r="594" ht="15" customHeight="1" x14ac:dyDescent="0.15"/>
    <row r="595" ht="15" customHeight="1" x14ac:dyDescent="0.15"/>
    <row r="596" ht="15" customHeight="1" x14ac:dyDescent="0.15"/>
    <row r="597" ht="15" customHeight="1" x14ac:dyDescent="0.15"/>
    <row r="598" ht="15" customHeight="1" x14ac:dyDescent="0.15"/>
    <row r="599" ht="15" customHeight="1" x14ac:dyDescent="0.15"/>
    <row r="600" ht="15" customHeight="1" x14ac:dyDescent="0.15"/>
    <row r="601" ht="15" customHeight="1" x14ac:dyDescent="0.15"/>
    <row r="602" ht="15" customHeight="1" x14ac:dyDescent="0.15"/>
    <row r="603" ht="15" customHeight="1" x14ac:dyDescent="0.15"/>
    <row r="604" ht="15" customHeight="1" x14ac:dyDescent="0.15"/>
    <row r="605" ht="15" customHeight="1" x14ac:dyDescent="0.15"/>
    <row r="606" ht="15" customHeight="1" x14ac:dyDescent="0.15"/>
    <row r="607" ht="15" customHeight="1" x14ac:dyDescent="0.15"/>
    <row r="608" ht="15" customHeight="1" x14ac:dyDescent="0.15"/>
    <row r="609" ht="15" customHeight="1" x14ac:dyDescent="0.15"/>
    <row r="610" ht="15" customHeight="1" x14ac:dyDescent="0.15"/>
    <row r="611" ht="15" customHeight="1" x14ac:dyDescent="0.15"/>
    <row r="612" ht="15" customHeight="1" x14ac:dyDescent="0.15"/>
    <row r="613" ht="15" customHeight="1" x14ac:dyDescent="0.15"/>
    <row r="614" ht="15" customHeight="1" x14ac:dyDescent="0.15"/>
    <row r="615" ht="15" customHeight="1" x14ac:dyDescent="0.15"/>
    <row r="616" ht="15" customHeight="1" x14ac:dyDescent="0.15"/>
    <row r="617" ht="15" customHeight="1" x14ac:dyDescent="0.15"/>
    <row r="618" ht="15" customHeight="1" x14ac:dyDescent="0.15"/>
    <row r="619" ht="15" customHeight="1" x14ac:dyDescent="0.15"/>
    <row r="620" ht="15" customHeight="1" x14ac:dyDescent="0.15"/>
    <row r="621" ht="15" customHeight="1" x14ac:dyDescent="0.15"/>
    <row r="622" ht="15" customHeight="1" x14ac:dyDescent="0.15"/>
    <row r="623" ht="15" customHeight="1" x14ac:dyDescent="0.15"/>
    <row r="624" ht="15" customHeight="1" x14ac:dyDescent="0.15"/>
    <row r="625" ht="15" customHeight="1" x14ac:dyDescent="0.15"/>
    <row r="626" ht="15" customHeight="1" x14ac:dyDescent="0.15"/>
    <row r="627" ht="15" customHeight="1" x14ac:dyDescent="0.15"/>
    <row r="628" ht="15" customHeight="1" x14ac:dyDescent="0.15"/>
    <row r="629" ht="15" customHeight="1" x14ac:dyDescent="0.15"/>
    <row r="630" ht="15" customHeight="1" x14ac:dyDescent="0.15"/>
    <row r="631" ht="15" customHeight="1" x14ac:dyDescent="0.15"/>
    <row r="632" ht="15" customHeight="1" x14ac:dyDescent="0.15"/>
    <row r="633" ht="15" customHeight="1" x14ac:dyDescent="0.15"/>
    <row r="634" ht="15" customHeight="1" x14ac:dyDescent="0.15"/>
    <row r="635" ht="15" customHeight="1" x14ac:dyDescent="0.15"/>
    <row r="636" ht="15" customHeight="1" x14ac:dyDescent="0.15"/>
    <row r="637" ht="15" customHeight="1" x14ac:dyDescent="0.15"/>
    <row r="638" ht="15" customHeight="1" x14ac:dyDescent="0.15"/>
    <row r="639" ht="15" customHeight="1" x14ac:dyDescent="0.15"/>
    <row r="640" ht="15" customHeight="1" x14ac:dyDescent="0.15"/>
    <row r="641" ht="15" customHeight="1" x14ac:dyDescent="0.15"/>
    <row r="642" ht="15" customHeight="1" x14ac:dyDescent="0.15"/>
    <row r="643" ht="15" customHeight="1" x14ac:dyDescent="0.15"/>
    <row r="644" ht="15" customHeight="1" x14ac:dyDescent="0.15"/>
    <row r="645" ht="15" customHeight="1" x14ac:dyDescent="0.15"/>
    <row r="646" ht="15" customHeight="1" x14ac:dyDescent="0.15"/>
    <row r="647" ht="15" customHeight="1" x14ac:dyDescent="0.15"/>
    <row r="648" ht="15" customHeight="1" x14ac:dyDescent="0.15"/>
    <row r="649" ht="15" customHeight="1" x14ac:dyDescent="0.15"/>
    <row r="650" ht="15" customHeight="1" x14ac:dyDescent="0.15"/>
    <row r="651" ht="15" customHeight="1" x14ac:dyDescent="0.15"/>
    <row r="652" ht="15" customHeight="1" x14ac:dyDescent="0.15"/>
    <row r="653" ht="15" customHeight="1" x14ac:dyDescent="0.15"/>
    <row r="654" ht="15" customHeight="1" x14ac:dyDescent="0.15"/>
    <row r="655" ht="15" customHeight="1" x14ac:dyDescent="0.15"/>
    <row r="656" ht="15" customHeight="1" x14ac:dyDescent="0.15"/>
    <row r="657" ht="15" customHeight="1" x14ac:dyDescent="0.15"/>
    <row r="658" ht="15" customHeight="1" x14ac:dyDescent="0.15"/>
    <row r="659" ht="15" customHeight="1" x14ac:dyDescent="0.15"/>
    <row r="660" ht="15" customHeight="1" x14ac:dyDescent="0.15"/>
    <row r="661" ht="15" customHeight="1" x14ac:dyDescent="0.15"/>
    <row r="662" ht="15" customHeight="1" x14ac:dyDescent="0.15"/>
    <row r="663" ht="15" customHeight="1" x14ac:dyDescent="0.15"/>
    <row r="664" ht="15" customHeight="1" x14ac:dyDescent="0.15"/>
    <row r="665" ht="15" customHeight="1" x14ac:dyDescent="0.15"/>
    <row r="666" ht="15" customHeight="1" x14ac:dyDescent="0.15"/>
    <row r="667" ht="15" customHeight="1" x14ac:dyDescent="0.15"/>
    <row r="668" ht="15" customHeight="1" x14ac:dyDescent="0.15"/>
    <row r="669" ht="15" customHeight="1" x14ac:dyDescent="0.15"/>
    <row r="670" ht="15" customHeight="1" x14ac:dyDescent="0.15"/>
    <row r="671" ht="15" customHeight="1" x14ac:dyDescent="0.15"/>
    <row r="672" ht="15" customHeight="1" x14ac:dyDescent="0.15"/>
    <row r="673" ht="15" customHeight="1" x14ac:dyDescent="0.15"/>
    <row r="674" ht="15" customHeight="1" x14ac:dyDescent="0.15"/>
    <row r="675" ht="15" customHeight="1" x14ac:dyDescent="0.15"/>
    <row r="676" ht="15" customHeight="1" x14ac:dyDescent="0.15"/>
    <row r="677" ht="15" customHeight="1" x14ac:dyDescent="0.15"/>
    <row r="678" ht="15" customHeight="1" x14ac:dyDescent="0.15"/>
    <row r="679" ht="15" customHeight="1" x14ac:dyDescent="0.15"/>
    <row r="680" ht="15" customHeight="1" x14ac:dyDescent="0.15"/>
    <row r="681" ht="15" customHeight="1" x14ac:dyDescent="0.15"/>
    <row r="682" ht="15" customHeight="1" x14ac:dyDescent="0.15"/>
    <row r="683" ht="15" customHeight="1" x14ac:dyDescent="0.15"/>
    <row r="684" ht="15" customHeight="1" x14ac:dyDescent="0.15"/>
    <row r="685" ht="15" customHeight="1" x14ac:dyDescent="0.15"/>
    <row r="686" ht="15" customHeight="1" x14ac:dyDescent="0.15"/>
    <row r="687" ht="15" customHeight="1" x14ac:dyDescent="0.15"/>
    <row r="688" ht="15" customHeight="1" x14ac:dyDescent="0.15"/>
    <row r="689" ht="15" customHeight="1" x14ac:dyDescent="0.15"/>
    <row r="690" ht="15" customHeight="1" x14ac:dyDescent="0.15"/>
    <row r="691" ht="15" customHeight="1" x14ac:dyDescent="0.15"/>
    <row r="692" ht="15" customHeight="1" x14ac:dyDescent="0.15"/>
    <row r="693" ht="15" customHeight="1" x14ac:dyDescent="0.15"/>
    <row r="694" ht="15" customHeight="1" x14ac:dyDescent="0.15"/>
    <row r="695" ht="15" customHeight="1" x14ac:dyDescent="0.15"/>
    <row r="696" ht="15" customHeight="1" x14ac:dyDescent="0.15"/>
    <row r="697" ht="15" customHeight="1" x14ac:dyDescent="0.15"/>
    <row r="698" ht="15" customHeight="1" x14ac:dyDescent="0.15"/>
    <row r="699" ht="15" customHeight="1" x14ac:dyDescent="0.15"/>
    <row r="700" ht="15" customHeight="1" x14ac:dyDescent="0.15"/>
    <row r="701" ht="15" customHeight="1" x14ac:dyDescent="0.15"/>
    <row r="702" ht="15" customHeight="1" x14ac:dyDescent="0.15"/>
    <row r="703" ht="15" customHeight="1" x14ac:dyDescent="0.15"/>
    <row r="704" ht="15" customHeight="1" x14ac:dyDescent="0.15"/>
    <row r="705" ht="15" customHeight="1" x14ac:dyDescent="0.15"/>
    <row r="706" ht="15" customHeight="1" x14ac:dyDescent="0.15"/>
    <row r="707" ht="15" customHeight="1" x14ac:dyDescent="0.15"/>
    <row r="708" ht="15" customHeight="1" x14ac:dyDescent="0.15"/>
    <row r="709" ht="15" customHeight="1" x14ac:dyDescent="0.15"/>
    <row r="710" ht="15" customHeight="1" x14ac:dyDescent="0.15"/>
    <row r="711" ht="15" customHeight="1" x14ac:dyDescent="0.15"/>
    <row r="712" ht="15" customHeight="1" x14ac:dyDescent="0.15"/>
    <row r="713" ht="15" customHeight="1" x14ac:dyDescent="0.15"/>
    <row r="714" ht="15" customHeight="1" x14ac:dyDescent="0.15"/>
    <row r="715" ht="15" customHeight="1" x14ac:dyDescent="0.15"/>
    <row r="716" ht="15" customHeight="1" x14ac:dyDescent="0.15"/>
    <row r="717" ht="15" customHeight="1" x14ac:dyDescent="0.15"/>
    <row r="718" ht="15" customHeight="1" x14ac:dyDescent="0.15"/>
    <row r="719" ht="15" customHeight="1" x14ac:dyDescent="0.15"/>
    <row r="720" ht="15" customHeight="1" x14ac:dyDescent="0.15"/>
    <row r="721" ht="15" customHeight="1" x14ac:dyDescent="0.15"/>
    <row r="722" ht="15" customHeight="1" x14ac:dyDescent="0.15"/>
    <row r="723" ht="15" customHeight="1" x14ac:dyDescent="0.15"/>
    <row r="724" ht="15" customHeight="1" x14ac:dyDescent="0.15"/>
    <row r="725" ht="15" customHeight="1" x14ac:dyDescent="0.15"/>
    <row r="726" ht="15" customHeight="1" x14ac:dyDescent="0.15"/>
    <row r="727" ht="15" customHeight="1" x14ac:dyDescent="0.15"/>
    <row r="728" ht="15" customHeight="1" x14ac:dyDescent="0.15"/>
    <row r="729" ht="15" customHeight="1" x14ac:dyDescent="0.15"/>
    <row r="730" ht="15" customHeight="1" x14ac:dyDescent="0.15"/>
    <row r="731" ht="15" customHeight="1" x14ac:dyDescent="0.15"/>
    <row r="732" ht="15" customHeight="1" x14ac:dyDescent="0.15"/>
    <row r="733" ht="15" customHeight="1" x14ac:dyDescent="0.15"/>
    <row r="734" ht="15" customHeight="1" x14ac:dyDescent="0.15"/>
    <row r="735" ht="15" customHeight="1" x14ac:dyDescent="0.15"/>
    <row r="736" ht="15" customHeight="1" x14ac:dyDescent="0.15"/>
    <row r="737" ht="15" customHeight="1" x14ac:dyDescent="0.15"/>
    <row r="738" ht="15" customHeight="1" x14ac:dyDescent="0.15"/>
    <row r="739" ht="15" customHeight="1" x14ac:dyDescent="0.15"/>
    <row r="740" ht="15" customHeight="1" x14ac:dyDescent="0.15"/>
    <row r="741" ht="15" customHeight="1" x14ac:dyDescent="0.15"/>
    <row r="742" ht="15" customHeight="1" x14ac:dyDescent="0.15"/>
    <row r="743" ht="15" customHeight="1" x14ac:dyDescent="0.15"/>
    <row r="744" ht="15" customHeight="1" x14ac:dyDescent="0.15"/>
    <row r="745" ht="15" customHeight="1" x14ac:dyDescent="0.15"/>
    <row r="746" ht="15" customHeight="1" x14ac:dyDescent="0.15"/>
    <row r="747" ht="15" customHeight="1" x14ac:dyDescent="0.15"/>
    <row r="748" ht="15" customHeight="1" x14ac:dyDescent="0.15"/>
    <row r="749" ht="15" customHeight="1" x14ac:dyDescent="0.15"/>
    <row r="750" ht="15" customHeight="1" x14ac:dyDescent="0.15"/>
    <row r="751" ht="15" customHeight="1" x14ac:dyDescent="0.15"/>
    <row r="752" ht="15" customHeight="1" x14ac:dyDescent="0.15"/>
    <row r="753" ht="15" customHeight="1" x14ac:dyDescent="0.15"/>
    <row r="754" ht="15" customHeight="1" x14ac:dyDescent="0.15"/>
    <row r="755" ht="15" customHeight="1" x14ac:dyDescent="0.15"/>
    <row r="756" ht="15" customHeight="1" x14ac:dyDescent="0.15"/>
    <row r="757" ht="15" customHeight="1" x14ac:dyDescent="0.15"/>
    <row r="758" ht="15" customHeight="1" x14ac:dyDescent="0.15"/>
    <row r="759" ht="15" customHeight="1" x14ac:dyDescent="0.15"/>
    <row r="760" ht="15" customHeight="1" x14ac:dyDescent="0.15"/>
    <row r="761" ht="15" customHeight="1" x14ac:dyDescent="0.15"/>
    <row r="762" ht="15" customHeight="1" x14ac:dyDescent="0.15"/>
    <row r="763" ht="15" customHeight="1" x14ac:dyDescent="0.15"/>
    <row r="764" ht="15" customHeight="1" x14ac:dyDescent="0.15"/>
    <row r="765" ht="15" customHeight="1" x14ac:dyDescent="0.15"/>
    <row r="766" ht="15" customHeight="1" x14ac:dyDescent="0.15"/>
    <row r="767" ht="15" customHeight="1" x14ac:dyDescent="0.15"/>
    <row r="768" ht="15" customHeight="1" x14ac:dyDescent="0.15"/>
    <row r="769" ht="15" customHeight="1" x14ac:dyDescent="0.15"/>
    <row r="770" ht="15" customHeight="1" x14ac:dyDescent="0.15"/>
    <row r="771" ht="15" customHeight="1" x14ac:dyDescent="0.15"/>
    <row r="772" ht="15" customHeight="1" x14ac:dyDescent="0.15"/>
    <row r="773" ht="15" customHeight="1" x14ac:dyDescent="0.15"/>
    <row r="774" ht="15" customHeight="1" x14ac:dyDescent="0.15"/>
    <row r="775" ht="15" customHeight="1" x14ac:dyDescent="0.15"/>
    <row r="776" ht="15" customHeight="1" x14ac:dyDescent="0.15"/>
    <row r="777" ht="15" customHeight="1" x14ac:dyDescent="0.15"/>
    <row r="778" ht="15" customHeight="1" x14ac:dyDescent="0.15"/>
    <row r="779" ht="15" customHeight="1" x14ac:dyDescent="0.15"/>
    <row r="780" ht="15" customHeight="1" x14ac:dyDescent="0.15"/>
    <row r="781" ht="15" customHeight="1" x14ac:dyDescent="0.15"/>
    <row r="782" ht="15" customHeight="1" x14ac:dyDescent="0.15"/>
    <row r="783" ht="15" customHeight="1" x14ac:dyDescent="0.15"/>
    <row r="784" ht="15" customHeight="1" x14ac:dyDescent="0.15"/>
    <row r="785" ht="15" customHeight="1" x14ac:dyDescent="0.15"/>
    <row r="786" ht="15" customHeight="1" x14ac:dyDescent="0.15"/>
    <row r="787" ht="15" customHeight="1" x14ac:dyDescent="0.15"/>
    <row r="788" ht="15" customHeight="1" x14ac:dyDescent="0.15"/>
    <row r="789" ht="15" customHeight="1" x14ac:dyDescent="0.15"/>
    <row r="790" ht="15" customHeight="1" x14ac:dyDescent="0.15"/>
    <row r="791" ht="15" customHeight="1" x14ac:dyDescent="0.15"/>
    <row r="792" ht="15" customHeight="1" x14ac:dyDescent="0.15"/>
    <row r="793" ht="15" customHeight="1" x14ac:dyDescent="0.15"/>
    <row r="794" ht="15" customHeight="1" x14ac:dyDescent="0.15"/>
    <row r="795" ht="15" customHeight="1" x14ac:dyDescent="0.15"/>
    <row r="796" ht="15" customHeight="1" x14ac:dyDescent="0.15"/>
    <row r="797" ht="15" customHeight="1" x14ac:dyDescent="0.15"/>
    <row r="798" ht="15" customHeight="1" x14ac:dyDescent="0.15"/>
    <row r="799" ht="15" customHeight="1" x14ac:dyDescent="0.15"/>
    <row r="800" ht="15" customHeight="1" x14ac:dyDescent="0.15"/>
    <row r="801" ht="15" customHeight="1" x14ac:dyDescent="0.15"/>
    <row r="802" ht="15" customHeight="1" x14ac:dyDescent="0.15"/>
    <row r="803" ht="15" customHeight="1" x14ac:dyDescent="0.15"/>
    <row r="804" ht="15" customHeight="1" x14ac:dyDescent="0.15"/>
    <row r="805" ht="15" customHeight="1" x14ac:dyDescent="0.15"/>
    <row r="806" ht="15" customHeight="1" x14ac:dyDescent="0.15"/>
    <row r="807" ht="15" customHeight="1" x14ac:dyDescent="0.15"/>
    <row r="808" ht="15" customHeight="1" x14ac:dyDescent="0.15"/>
    <row r="809" ht="15" customHeight="1" x14ac:dyDescent="0.15"/>
    <row r="810" ht="15" customHeight="1" x14ac:dyDescent="0.15"/>
    <row r="811" ht="15" customHeight="1" x14ac:dyDescent="0.15"/>
    <row r="812" ht="15" customHeight="1" x14ac:dyDescent="0.15"/>
    <row r="813" ht="15" customHeight="1" x14ac:dyDescent="0.15"/>
    <row r="814" ht="15" customHeight="1" x14ac:dyDescent="0.15"/>
    <row r="815" ht="15" customHeight="1" x14ac:dyDescent="0.15"/>
    <row r="816" ht="15" customHeight="1" x14ac:dyDescent="0.15"/>
    <row r="817" ht="15" customHeight="1" x14ac:dyDescent="0.15"/>
    <row r="818" ht="15" customHeight="1" x14ac:dyDescent="0.15"/>
    <row r="819" ht="15" customHeight="1" x14ac:dyDescent="0.15"/>
    <row r="820" ht="15" customHeight="1" x14ac:dyDescent="0.15"/>
    <row r="821" ht="15" customHeight="1" x14ac:dyDescent="0.15"/>
    <row r="822" ht="15" customHeight="1" x14ac:dyDescent="0.15"/>
    <row r="823" ht="15" customHeight="1" x14ac:dyDescent="0.15"/>
    <row r="824" ht="15" customHeight="1" x14ac:dyDescent="0.15"/>
    <row r="825" ht="15" customHeight="1" x14ac:dyDescent="0.15"/>
    <row r="826" ht="15" customHeight="1" x14ac:dyDescent="0.15"/>
    <row r="827" ht="15" customHeight="1" x14ac:dyDescent="0.15"/>
    <row r="828" ht="15" customHeight="1" x14ac:dyDescent="0.15"/>
    <row r="829" ht="15" customHeight="1" x14ac:dyDescent="0.15"/>
    <row r="830" ht="15" customHeight="1" x14ac:dyDescent="0.15"/>
    <row r="831" ht="15" customHeight="1" x14ac:dyDescent="0.15"/>
    <row r="832" ht="15" customHeight="1" x14ac:dyDescent="0.15"/>
    <row r="833" ht="15" customHeight="1" x14ac:dyDescent="0.15"/>
    <row r="834" ht="15" customHeight="1" x14ac:dyDescent="0.15"/>
    <row r="835" ht="15" customHeight="1" x14ac:dyDescent="0.15"/>
    <row r="836" ht="15" customHeight="1" x14ac:dyDescent="0.15"/>
    <row r="837" ht="15" customHeight="1" x14ac:dyDescent="0.15"/>
    <row r="838" ht="15" customHeight="1" x14ac:dyDescent="0.15"/>
    <row r="839" ht="15" customHeight="1" x14ac:dyDescent="0.15"/>
    <row r="840" ht="15" customHeight="1" x14ac:dyDescent="0.15"/>
    <row r="841" ht="15" customHeight="1" x14ac:dyDescent="0.15"/>
    <row r="842" ht="15" customHeight="1" x14ac:dyDescent="0.15"/>
    <row r="843" ht="15" customHeight="1" x14ac:dyDescent="0.15"/>
    <row r="844" ht="15" customHeight="1" x14ac:dyDescent="0.15"/>
    <row r="845" ht="15" customHeight="1" x14ac:dyDescent="0.15"/>
    <row r="846" ht="15" customHeight="1" x14ac:dyDescent="0.15"/>
    <row r="847" ht="15" customHeight="1" x14ac:dyDescent="0.15"/>
    <row r="848" ht="15" customHeight="1" x14ac:dyDescent="0.15"/>
    <row r="849" ht="15" customHeight="1" x14ac:dyDescent="0.15"/>
    <row r="850" ht="15" customHeight="1" x14ac:dyDescent="0.15"/>
    <row r="851" ht="15" customHeight="1" x14ac:dyDescent="0.15"/>
    <row r="852" ht="15" customHeight="1" x14ac:dyDescent="0.15"/>
    <row r="853" ht="15" customHeight="1" x14ac:dyDescent="0.15"/>
    <row r="854" ht="15" customHeight="1" x14ac:dyDescent="0.15"/>
    <row r="855" ht="15" customHeight="1" x14ac:dyDescent="0.15"/>
    <row r="856" ht="15" customHeight="1" x14ac:dyDescent="0.15"/>
    <row r="857" ht="15" customHeight="1" x14ac:dyDescent="0.15"/>
    <row r="858" ht="15" customHeight="1" x14ac:dyDescent="0.15"/>
    <row r="859" ht="15" customHeight="1" x14ac:dyDescent="0.15"/>
    <row r="860" ht="15" customHeight="1" x14ac:dyDescent="0.15"/>
    <row r="861" ht="15" customHeight="1" x14ac:dyDescent="0.15"/>
    <row r="862" ht="15" customHeight="1" x14ac:dyDescent="0.15"/>
    <row r="863" ht="15" customHeight="1" x14ac:dyDescent="0.15"/>
    <row r="864" ht="15" customHeight="1" x14ac:dyDescent="0.15"/>
    <row r="865" ht="15" customHeight="1" x14ac:dyDescent="0.15"/>
    <row r="866" ht="15" customHeight="1" x14ac:dyDescent="0.15"/>
    <row r="867" ht="15" customHeight="1" x14ac:dyDescent="0.15"/>
    <row r="868" ht="15" customHeight="1" x14ac:dyDescent="0.15"/>
    <row r="869" ht="15" customHeight="1" x14ac:dyDescent="0.15"/>
    <row r="870" ht="15" customHeight="1" x14ac:dyDescent="0.15"/>
    <row r="871" ht="15" customHeight="1" x14ac:dyDescent="0.15"/>
    <row r="872" ht="15" customHeight="1" x14ac:dyDescent="0.15"/>
    <row r="873" ht="15" customHeight="1" x14ac:dyDescent="0.15"/>
    <row r="874" ht="15" customHeight="1" x14ac:dyDescent="0.15"/>
    <row r="875" ht="15" customHeight="1" x14ac:dyDescent="0.15"/>
    <row r="876" ht="15" customHeight="1" x14ac:dyDescent="0.15"/>
    <row r="877" ht="15" customHeight="1" x14ac:dyDescent="0.15"/>
    <row r="878" ht="15" customHeight="1" x14ac:dyDescent="0.15"/>
    <row r="879" ht="15" customHeight="1" x14ac:dyDescent="0.15"/>
    <row r="880" ht="15" customHeight="1" x14ac:dyDescent="0.15"/>
    <row r="881" ht="15" customHeight="1" x14ac:dyDescent="0.15"/>
    <row r="882" ht="15" customHeight="1" x14ac:dyDescent="0.15"/>
    <row r="883" ht="15" customHeight="1" x14ac:dyDescent="0.15"/>
    <row r="884" ht="15" customHeight="1" x14ac:dyDescent="0.15"/>
    <row r="885" ht="15" customHeight="1" x14ac:dyDescent="0.15"/>
    <row r="886" ht="15" customHeight="1" x14ac:dyDescent="0.15"/>
    <row r="887" ht="15" customHeight="1" x14ac:dyDescent="0.15"/>
    <row r="888" ht="15" customHeight="1" x14ac:dyDescent="0.15"/>
    <row r="889" ht="15" customHeight="1" x14ac:dyDescent="0.15"/>
    <row r="890" ht="15" customHeight="1" x14ac:dyDescent="0.15"/>
    <row r="891" ht="15" customHeight="1" x14ac:dyDescent="0.15"/>
    <row r="892" ht="15" customHeight="1" x14ac:dyDescent="0.15"/>
    <row r="893" ht="15" customHeight="1" x14ac:dyDescent="0.15"/>
    <row r="894" ht="15" customHeight="1" x14ac:dyDescent="0.15"/>
    <row r="895" ht="15" customHeight="1" x14ac:dyDescent="0.15"/>
    <row r="896" ht="15" customHeight="1" x14ac:dyDescent="0.15"/>
    <row r="897" ht="15" customHeight="1" x14ac:dyDescent="0.15"/>
    <row r="898" ht="15" customHeight="1" x14ac:dyDescent="0.15"/>
    <row r="899" ht="15" customHeight="1" x14ac:dyDescent="0.15"/>
    <row r="900" ht="15" customHeight="1" x14ac:dyDescent="0.15"/>
    <row r="901" ht="15" customHeight="1" x14ac:dyDescent="0.15"/>
    <row r="902" ht="15" customHeight="1" x14ac:dyDescent="0.15"/>
    <row r="903" ht="15" customHeight="1" x14ac:dyDescent="0.15"/>
    <row r="904" ht="15" customHeight="1" x14ac:dyDescent="0.15"/>
    <row r="905" ht="15" customHeight="1" x14ac:dyDescent="0.15"/>
    <row r="906" ht="15" customHeight="1" x14ac:dyDescent="0.15"/>
    <row r="907" ht="15" customHeight="1" x14ac:dyDescent="0.15"/>
    <row r="908" ht="15" customHeight="1" x14ac:dyDescent="0.15"/>
    <row r="909" ht="15" customHeight="1" x14ac:dyDescent="0.15"/>
    <row r="910" ht="15" customHeight="1" x14ac:dyDescent="0.15"/>
    <row r="911" ht="15" customHeight="1" x14ac:dyDescent="0.15"/>
    <row r="912" ht="15" customHeight="1" x14ac:dyDescent="0.15"/>
    <row r="913" ht="15" customHeight="1" x14ac:dyDescent="0.15"/>
    <row r="914" ht="15" customHeight="1" x14ac:dyDescent="0.15"/>
    <row r="915" ht="15" customHeight="1" x14ac:dyDescent="0.15"/>
    <row r="916" ht="15" customHeight="1" x14ac:dyDescent="0.15"/>
    <row r="917" ht="15" customHeight="1" x14ac:dyDescent="0.15"/>
    <row r="918" ht="15" customHeight="1" x14ac:dyDescent="0.15"/>
    <row r="919" ht="15" customHeight="1" x14ac:dyDescent="0.15"/>
    <row r="920" ht="15" customHeight="1" x14ac:dyDescent="0.15"/>
    <row r="921" ht="15" customHeight="1" x14ac:dyDescent="0.15"/>
    <row r="922" ht="15" customHeight="1" x14ac:dyDescent="0.15"/>
    <row r="923" ht="15" customHeight="1" x14ac:dyDescent="0.15"/>
    <row r="924" ht="15" customHeight="1" x14ac:dyDescent="0.15"/>
    <row r="925" ht="15" customHeight="1" x14ac:dyDescent="0.15"/>
    <row r="926" ht="15" customHeight="1" x14ac:dyDescent="0.15"/>
    <row r="927" ht="15" customHeight="1" x14ac:dyDescent="0.15"/>
    <row r="928" ht="15" customHeight="1" x14ac:dyDescent="0.15"/>
    <row r="929" ht="15" customHeight="1" x14ac:dyDescent="0.15"/>
    <row r="930" ht="15" customHeight="1" x14ac:dyDescent="0.15"/>
    <row r="931" ht="15" customHeight="1" x14ac:dyDescent="0.15"/>
    <row r="932" ht="15" customHeight="1" x14ac:dyDescent="0.15"/>
    <row r="933" ht="15" customHeight="1" x14ac:dyDescent="0.15"/>
    <row r="934" ht="15" customHeight="1" x14ac:dyDescent="0.15"/>
    <row r="935" ht="15" customHeight="1" x14ac:dyDescent="0.15"/>
    <row r="936" ht="15" customHeight="1" x14ac:dyDescent="0.15"/>
    <row r="937" ht="15" customHeight="1" x14ac:dyDescent="0.15"/>
    <row r="938" ht="15" customHeight="1" x14ac:dyDescent="0.15"/>
    <row r="939" ht="15" customHeight="1" x14ac:dyDescent="0.15"/>
    <row r="940" ht="15" customHeight="1" x14ac:dyDescent="0.15"/>
    <row r="941" ht="15" customHeight="1" x14ac:dyDescent="0.15"/>
    <row r="942" ht="15" customHeight="1" x14ac:dyDescent="0.15"/>
    <row r="943" ht="15" customHeight="1" x14ac:dyDescent="0.15"/>
    <row r="944" ht="15" customHeight="1" x14ac:dyDescent="0.15"/>
    <row r="945" ht="15" customHeight="1" x14ac:dyDescent="0.15"/>
    <row r="946" ht="15" customHeight="1" x14ac:dyDescent="0.15"/>
    <row r="947" ht="15" customHeight="1" x14ac:dyDescent="0.15"/>
    <row r="948" ht="15" customHeight="1" x14ac:dyDescent="0.15"/>
    <row r="949" ht="15" customHeight="1" x14ac:dyDescent="0.15"/>
    <row r="950" ht="15" customHeight="1" x14ac:dyDescent="0.15"/>
    <row r="951" ht="15" customHeight="1" x14ac:dyDescent="0.15"/>
    <row r="952" ht="15" customHeight="1" x14ac:dyDescent="0.15"/>
    <row r="953" ht="15" customHeight="1" x14ac:dyDescent="0.15"/>
    <row r="954" ht="15" customHeight="1" x14ac:dyDescent="0.15"/>
    <row r="955" ht="15" customHeight="1" x14ac:dyDescent="0.15"/>
    <row r="956" ht="15" customHeight="1" x14ac:dyDescent="0.15"/>
    <row r="957" ht="15" customHeight="1" x14ac:dyDescent="0.15"/>
    <row r="958" ht="15" customHeight="1" x14ac:dyDescent="0.15"/>
    <row r="959" ht="15" customHeight="1" x14ac:dyDescent="0.15"/>
    <row r="960" ht="15" customHeight="1" x14ac:dyDescent="0.15"/>
    <row r="961" ht="15" customHeight="1" x14ac:dyDescent="0.15"/>
    <row r="962" ht="15" customHeight="1" x14ac:dyDescent="0.15"/>
    <row r="963" ht="15" customHeight="1" x14ac:dyDescent="0.15"/>
    <row r="964" ht="15" customHeight="1" x14ac:dyDescent="0.15"/>
    <row r="965" ht="15" customHeight="1" x14ac:dyDescent="0.15"/>
    <row r="966" ht="15" customHeight="1" x14ac:dyDescent="0.15"/>
    <row r="967" ht="15" customHeight="1" x14ac:dyDescent="0.15"/>
    <row r="968" ht="15" customHeight="1" x14ac:dyDescent="0.15"/>
    <row r="969" ht="15" customHeight="1" x14ac:dyDescent="0.15"/>
    <row r="970" ht="15" customHeight="1" x14ac:dyDescent="0.15"/>
    <row r="971" ht="15" customHeight="1" x14ac:dyDescent="0.15"/>
    <row r="972" ht="15" customHeight="1" x14ac:dyDescent="0.15"/>
    <row r="973" ht="15" customHeight="1" x14ac:dyDescent="0.15"/>
    <row r="974" ht="15" customHeight="1" x14ac:dyDescent="0.15"/>
    <row r="975" ht="15" customHeight="1" x14ac:dyDescent="0.15"/>
    <row r="976" ht="15" customHeight="1" x14ac:dyDescent="0.15"/>
    <row r="977" ht="15" customHeight="1" x14ac:dyDescent="0.15"/>
    <row r="978" ht="15" customHeight="1" x14ac:dyDescent="0.15"/>
    <row r="979" ht="15" customHeight="1" x14ac:dyDescent="0.15"/>
    <row r="980" ht="15" customHeight="1" x14ac:dyDescent="0.15"/>
    <row r="981" ht="15" customHeight="1" x14ac:dyDescent="0.15"/>
    <row r="982" ht="15" customHeight="1" x14ac:dyDescent="0.15"/>
    <row r="983" ht="15" customHeight="1" x14ac:dyDescent="0.15"/>
  </sheetData>
  <mergeCells count="49">
    <mergeCell ref="B4:AK5"/>
    <mergeCell ref="X7:Y8"/>
    <mergeCell ref="Z7:AA8"/>
    <mergeCell ref="AB7:AC8"/>
    <mergeCell ref="AD7:AE8"/>
    <mergeCell ref="AF7:AG8"/>
    <mergeCell ref="AH7:AI8"/>
    <mergeCell ref="AJ7:AK8"/>
    <mergeCell ref="U13:W14"/>
    <mergeCell ref="X13:AI14"/>
    <mergeCell ref="AJ13:AK14"/>
    <mergeCell ref="U15:AJ15"/>
    <mergeCell ref="B9:K10"/>
    <mergeCell ref="Q11:T12"/>
    <mergeCell ref="U11:W12"/>
    <mergeCell ref="X11:AK12"/>
    <mergeCell ref="B17:AK18"/>
    <mergeCell ref="B19:I21"/>
    <mergeCell ref="B22:I24"/>
    <mergeCell ref="K22:M24"/>
    <mergeCell ref="N22:AK24"/>
    <mergeCell ref="J19:M21"/>
    <mergeCell ref="N19:R21"/>
    <mergeCell ref="S19:T21"/>
    <mergeCell ref="V19:W21"/>
    <mergeCell ref="X19:Z21"/>
    <mergeCell ref="AA19:AB21"/>
    <mergeCell ref="AC19:AE21"/>
    <mergeCell ref="AF19:AG21"/>
    <mergeCell ref="AJ19:AK21"/>
    <mergeCell ref="AH19:AI21"/>
    <mergeCell ref="B41:I50"/>
    <mergeCell ref="J41:AK50"/>
    <mergeCell ref="B51:AK51"/>
    <mergeCell ref="B36:I40"/>
    <mergeCell ref="J36:L40"/>
    <mergeCell ref="M36:AH39"/>
    <mergeCell ref="AI36:AK39"/>
    <mergeCell ref="M40:T40"/>
    <mergeCell ref="U40:Y40"/>
    <mergeCell ref="AA40:AK40"/>
    <mergeCell ref="B25:I27"/>
    <mergeCell ref="J25:AK27"/>
    <mergeCell ref="B28:I35"/>
    <mergeCell ref="J28:L31"/>
    <mergeCell ref="M28:AK31"/>
    <mergeCell ref="J32:L35"/>
    <mergeCell ref="M32:AH35"/>
    <mergeCell ref="AI32:AK35"/>
  </mergeCells>
  <phoneticPr fontId="1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緊急施工願</vt:lpstr>
      <vt:lpstr>工期延長願</vt:lpstr>
      <vt:lpstr>確認申請取り止め</vt:lpstr>
      <vt:lpstr>確認申請取り止め!Print_Area</vt:lpstr>
      <vt:lpstr>緊急施工願!Print_Area</vt:lpstr>
      <vt:lpstr>工期延長願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下　純代</dc:creator>
  <cp:lastModifiedBy>岩下　純代</cp:lastModifiedBy>
  <cp:lastPrinted>2020-12-27T23:34:19Z</cp:lastPrinted>
  <dcterms:created xsi:type="dcterms:W3CDTF">2019-04-03T07:09:39Z</dcterms:created>
  <dcterms:modified xsi:type="dcterms:W3CDTF">2020-12-27T23:36:18Z</dcterms:modified>
</cp:coreProperties>
</file>